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26"/>
  <workbookPr/>
  <mc:AlternateContent xmlns:mc="http://schemas.openxmlformats.org/markup-compatibility/2006">
    <mc:Choice Requires="x15">
      <x15ac:absPath xmlns:x15ac="http://schemas.microsoft.com/office/spreadsheetml/2010/11/ac" url="C:\Users\s31129\Desktop\指定請求書\"/>
    </mc:Choice>
  </mc:AlternateContent>
  <xr:revisionPtr revIDLastSave="0" documentId="13_ncr:1_{EB89355D-4CDC-4AAE-A5FE-29A2D7095EFF}" xr6:coauthVersionLast="47" xr6:coauthVersionMax="47" xr10:uidLastSave="{00000000-0000-0000-0000-000000000000}"/>
  <bookViews>
    <workbookView xWindow="57480" yWindow="-120" windowWidth="29040" windowHeight="15840" xr2:uid="{00000000-000D-0000-FFFF-FFFF00000000}"/>
  </bookViews>
  <sheets>
    <sheet name="Sheet1"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91" uniqueCount="74">
  <si>
    <t>請 求 書</t>
    <rPh sb="0" eb="1">
      <t>ショウ</t>
    </rPh>
    <rPh sb="2" eb="3">
      <t>モトム</t>
    </rPh>
    <rPh sb="4" eb="5">
      <t>ショ</t>
    </rPh>
    <phoneticPr fontId="6"/>
  </si>
  <si>
    <t>取引先ＣＤ</t>
    <rPh sb="0" eb="2">
      <t>トリヒキ</t>
    </rPh>
    <rPh sb="2" eb="3">
      <t>サキ</t>
    </rPh>
    <phoneticPr fontId="6"/>
  </si>
  <si>
    <t>住所</t>
    <rPh sb="0" eb="2">
      <t>ジュウショ</t>
    </rPh>
    <phoneticPr fontId="6"/>
  </si>
  <si>
    <t>御中</t>
    <rPh sb="0" eb="2">
      <t>オンチュウ</t>
    </rPh>
    <phoneticPr fontId="6"/>
  </si>
  <si>
    <t>名称</t>
    <rPh sb="0" eb="2">
      <t>メイショウ</t>
    </rPh>
    <phoneticPr fontId="6"/>
  </si>
  <si>
    <t>請求年月日</t>
    <rPh sb="0" eb="2">
      <t>セイキュウ</t>
    </rPh>
    <rPh sb="2" eb="5">
      <t>ネンガッピ</t>
    </rPh>
    <phoneticPr fontId="6"/>
  </si>
  <si>
    <t>西暦</t>
    <rPh sb="0" eb="2">
      <t>セイレキ</t>
    </rPh>
    <phoneticPr fontId="6"/>
  </si>
  <si>
    <t>年</t>
    <rPh sb="0" eb="1">
      <t>ネン</t>
    </rPh>
    <phoneticPr fontId="6"/>
  </si>
  <si>
    <t>月</t>
    <rPh sb="0" eb="1">
      <t>ガツ</t>
    </rPh>
    <phoneticPr fontId="6"/>
  </si>
  <si>
    <t>日</t>
    <rPh sb="0" eb="1">
      <t>ニチ</t>
    </rPh>
    <phoneticPr fontId="6"/>
  </si>
  <si>
    <t>工事ＣＤ</t>
    <rPh sb="0" eb="2">
      <t>コウジ</t>
    </rPh>
    <phoneticPr fontId="6"/>
  </si>
  <si>
    <t>担当者</t>
    <rPh sb="0" eb="3">
      <t>タントウシャ</t>
    </rPh>
    <phoneticPr fontId="6"/>
  </si>
  <si>
    <t>代表者氏名</t>
    <rPh sb="0" eb="3">
      <t>ダイヒョウシャ</t>
    </rPh>
    <rPh sb="3" eb="5">
      <t>シメイ</t>
    </rPh>
    <phoneticPr fontId="6"/>
  </si>
  <si>
    <t>㊞</t>
    <phoneticPr fontId="6"/>
  </si>
  <si>
    <t>請求金額
〔税込〕</t>
    <rPh sb="0" eb="2">
      <t>セイキュウ</t>
    </rPh>
    <rPh sb="2" eb="4">
      <t>キンガク</t>
    </rPh>
    <rPh sb="6" eb="8">
      <t>ゼイコ</t>
    </rPh>
    <phoneticPr fontId="6"/>
  </si>
  <si>
    <t>円</t>
    <rPh sb="0" eb="1">
      <t>エン</t>
    </rPh>
    <phoneticPr fontId="6"/>
  </si>
  <si>
    <t>工事名</t>
    <rPh sb="0" eb="2">
      <t>コウジ</t>
    </rPh>
    <rPh sb="2" eb="3">
      <t>メイ</t>
    </rPh>
    <phoneticPr fontId="6"/>
  </si>
  <si>
    <t>電話番号</t>
    <rPh sb="0" eb="2">
      <t>デンワ</t>
    </rPh>
    <rPh sb="2" eb="4">
      <t>バンゴウ</t>
    </rPh>
    <phoneticPr fontId="6"/>
  </si>
  <si>
    <t>（</t>
    <phoneticPr fontId="6"/>
  </si>
  <si>
    <t>※『契 約』の場合は、この欄にもご記入下さい。（金額はすべて税抜）</t>
    <rPh sb="2" eb="3">
      <t>チギリ</t>
    </rPh>
    <rPh sb="4" eb="5">
      <t>ヤク</t>
    </rPh>
    <rPh sb="7" eb="9">
      <t>バアイ</t>
    </rPh>
    <rPh sb="13" eb="14">
      <t>ラン</t>
    </rPh>
    <rPh sb="17" eb="19">
      <t>キニュウ</t>
    </rPh>
    <rPh sb="19" eb="20">
      <t>クダ</t>
    </rPh>
    <rPh sb="24" eb="26">
      <t>キンガク</t>
    </rPh>
    <rPh sb="30" eb="31">
      <t>ゼイ</t>
    </rPh>
    <rPh sb="31" eb="32">
      <t>ヌ</t>
    </rPh>
    <phoneticPr fontId="6"/>
  </si>
  <si>
    <t>契約</t>
    <rPh sb="0" eb="2">
      <t>ケイヤク</t>
    </rPh>
    <phoneticPr fontId="6"/>
  </si>
  <si>
    <t>単価契約</t>
    <rPh sb="0" eb="2">
      <t>タンカ</t>
    </rPh>
    <rPh sb="2" eb="4">
      <t>ケイヤク</t>
    </rPh>
    <phoneticPr fontId="6"/>
  </si>
  <si>
    <t>契約外</t>
    <rPh sb="0" eb="2">
      <t>ケイヤク</t>
    </rPh>
    <rPh sb="2" eb="3">
      <t>ガイ</t>
    </rPh>
    <phoneticPr fontId="6"/>
  </si>
  <si>
    <t>注文書番号</t>
    <rPh sb="0" eb="2">
      <t>チュウモン</t>
    </rPh>
    <rPh sb="2" eb="3">
      <t>ショ</t>
    </rPh>
    <rPh sb="3" eb="5">
      <t>バンゴウ</t>
    </rPh>
    <phoneticPr fontId="6"/>
  </si>
  <si>
    <t>発注区分</t>
    <rPh sb="0" eb="2">
      <t>ハッチュウ</t>
    </rPh>
    <rPh sb="2" eb="4">
      <t>クブン</t>
    </rPh>
    <phoneticPr fontId="6"/>
  </si>
  <si>
    <t>契約金額</t>
    <rPh sb="0" eb="2">
      <t>ケイヤク</t>
    </rPh>
    <rPh sb="2" eb="4">
      <t>キンガク</t>
    </rPh>
    <phoneticPr fontId="6"/>
  </si>
  <si>
    <t>契約減額</t>
    <rPh sb="0" eb="2">
      <t>ケイヤク</t>
    </rPh>
    <rPh sb="2" eb="4">
      <t>ゲンガク</t>
    </rPh>
    <phoneticPr fontId="6"/>
  </si>
  <si>
    <t>契約金額計</t>
    <rPh sb="0" eb="2">
      <t>ケイヤク</t>
    </rPh>
    <rPh sb="2" eb="4">
      <t>キンガク</t>
    </rPh>
    <rPh sb="4" eb="5">
      <t>ケイ</t>
    </rPh>
    <phoneticPr fontId="6"/>
  </si>
  <si>
    <t>当月末出来高累計額</t>
    <rPh sb="0" eb="2">
      <t>トウゲツ</t>
    </rPh>
    <rPh sb="2" eb="3">
      <t>マツ</t>
    </rPh>
    <rPh sb="3" eb="6">
      <t>デキダカ</t>
    </rPh>
    <rPh sb="6" eb="8">
      <t>ルイケイ</t>
    </rPh>
    <rPh sb="8" eb="9">
      <t>ガク</t>
    </rPh>
    <phoneticPr fontId="6"/>
  </si>
  <si>
    <t>前月迄出来高累計額</t>
    <rPh sb="0" eb="2">
      <t>ゼンゲツ</t>
    </rPh>
    <rPh sb="2" eb="3">
      <t>マデ</t>
    </rPh>
    <rPh sb="3" eb="6">
      <t>デキダカ</t>
    </rPh>
    <rPh sb="6" eb="9">
      <t>ルイケイガク</t>
    </rPh>
    <phoneticPr fontId="6"/>
  </si>
  <si>
    <t>今回請求金額</t>
    <rPh sb="0" eb="2">
      <t>コンカイ</t>
    </rPh>
    <rPh sb="2" eb="4">
      <t>セイキュウ</t>
    </rPh>
    <rPh sb="4" eb="6">
      <t>キンガク</t>
    </rPh>
    <phoneticPr fontId="6"/>
  </si>
  <si>
    <t>契約残額</t>
    <rPh sb="0" eb="2">
      <t>ケイヤク</t>
    </rPh>
    <rPh sb="2" eb="4">
      <t>ザンガク</t>
    </rPh>
    <phoneticPr fontId="6"/>
  </si>
  <si>
    <t>(Ａ)</t>
    <phoneticPr fontId="6"/>
  </si>
  <si>
    <t>(Ｂ)</t>
    <phoneticPr fontId="6"/>
  </si>
  <si>
    <t>(Ｃ)＝(Ａ)＋(Ｂ)</t>
    <phoneticPr fontId="6"/>
  </si>
  <si>
    <t>(Ｄ)</t>
    <phoneticPr fontId="6"/>
  </si>
  <si>
    <t>(Ｅ)</t>
    <phoneticPr fontId="6"/>
  </si>
  <si>
    <t>(Ｆ)＝(Ｄ)－(Ｅ)</t>
    <phoneticPr fontId="6"/>
  </si>
  <si>
    <t>(Ｇ)＝(Ｃ)－(Ｄ)</t>
    <phoneticPr fontId="6"/>
  </si>
  <si>
    <t>〔該当欄に○〕</t>
    <rPh sb="1" eb="3">
      <t>ガイトウ</t>
    </rPh>
    <rPh sb="3" eb="4">
      <t>ラン</t>
    </rPh>
    <phoneticPr fontId="6"/>
  </si>
  <si>
    <t>月</t>
    <rPh sb="0" eb="1">
      <t>ツキ</t>
    </rPh>
    <phoneticPr fontId="6"/>
  </si>
  <si>
    <t>日</t>
    <rPh sb="0" eb="1">
      <t>ヒ</t>
    </rPh>
    <phoneticPr fontId="6"/>
  </si>
  <si>
    <t>摘　　　　　　要　　〔 品 名 〕</t>
    <rPh sb="0" eb="1">
      <t>テキ</t>
    </rPh>
    <rPh sb="7" eb="8">
      <t>ヨウ</t>
    </rPh>
    <rPh sb="12" eb="13">
      <t>シナ</t>
    </rPh>
    <rPh sb="14" eb="15">
      <t>メイ</t>
    </rPh>
    <phoneticPr fontId="6"/>
  </si>
  <si>
    <t>契　約　金　額</t>
    <rPh sb="0" eb="1">
      <t>チギリ</t>
    </rPh>
    <rPh sb="2" eb="3">
      <t>ヤク</t>
    </rPh>
    <rPh sb="4" eb="5">
      <t>キン</t>
    </rPh>
    <rPh sb="6" eb="7">
      <t>ガク</t>
    </rPh>
    <phoneticPr fontId="6"/>
  </si>
  <si>
    <t>出来高</t>
    <rPh sb="0" eb="3">
      <t>デキダカ</t>
    </rPh>
    <phoneticPr fontId="6"/>
  </si>
  <si>
    <t>数 量</t>
    <rPh sb="0" eb="1">
      <t>カズ</t>
    </rPh>
    <rPh sb="2" eb="3">
      <t>リョウ</t>
    </rPh>
    <phoneticPr fontId="6"/>
  </si>
  <si>
    <t>単 　価</t>
    <rPh sb="0" eb="1">
      <t>タン</t>
    </rPh>
    <rPh sb="3" eb="4">
      <t>アタイ</t>
    </rPh>
    <phoneticPr fontId="6"/>
  </si>
  <si>
    <t>消費税経過措置</t>
    <rPh sb="0" eb="3">
      <t>ショウヒゼイ</t>
    </rPh>
    <rPh sb="3" eb="5">
      <t>ケイカ</t>
    </rPh>
    <rPh sb="5" eb="7">
      <t>ソチ</t>
    </rPh>
    <phoneticPr fontId="6"/>
  </si>
  <si>
    <r>
      <t xml:space="preserve">金　額 </t>
    </r>
    <r>
      <rPr>
        <sz val="6"/>
        <color indexed="63"/>
        <rFont val="HG丸ｺﾞｼｯｸM-PRO"/>
        <family val="3"/>
        <charset val="128"/>
      </rPr>
      <t>〔契約の場合は累計額〕</t>
    </r>
    <rPh sb="0" eb="1">
      <t>キン</t>
    </rPh>
    <rPh sb="2" eb="3">
      <t>ガク</t>
    </rPh>
    <rPh sb="5" eb="7">
      <t>ケイヤク</t>
    </rPh>
    <rPh sb="8" eb="10">
      <t>バアイ</t>
    </rPh>
    <rPh sb="11" eb="13">
      <t>ルイケイ</t>
    </rPh>
    <rPh sb="13" eb="14">
      <t>ガク</t>
    </rPh>
    <phoneticPr fontId="6"/>
  </si>
  <si>
    <t>前月迄出来高累計額</t>
    <rPh sb="0" eb="1">
      <t>マエ</t>
    </rPh>
    <rPh sb="1" eb="2">
      <t>ツキ</t>
    </rPh>
    <rPh sb="2" eb="3">
      <t>マデ</t>
    </rPh>
    <rPh sb="3" eb="6">
      <t>デキダカ</t>
    </rPh>
    <rPh sb="6" eb="8">
      <t>ルイケイ</t>
    </rPh>
    <rPh sb="8" eb="9">
      <t>ガク</t>
    </rPh>
    <phoneticPr fontId="6"/>
  </si>
  <si>
    <t>当月末出来高累計額</t>
    <rPh sb="0" eb="1">
      <t>トウ</t>
    </rPh>
    <rPh sb="1" eb="2">
      <t>ツキ</t>
    </rPh>
    <rPh sb="2" eb="3">
      <t>スエ</t>
    </rPh>
    <rPh sb="3" eb="6">
      <t>デキダカ</t>
    </rPh>
    <rPh sb="6" eb="9">
      <t>ルイケイガク</t>
    </rPh>
    <phoneticPr fontId="6"/>
  </si>
  <si>
    <t>区　　分</t>
    <rPh sb="0" eb="1">
      <t>ク</t>
    </rPh>
    <rPh sb="3" eb="4">
      <t>ブン</t>
    </rPh>
    <phoneticPr fontId="6"/>
  </si>
  <si>
    <t>工　　　　　種</t>
    <rPh sb="0" eb="1">
      <t>コウ</t>
    </rPh>
    <rPh sb="6" eb="7">
      <t>シュ</t>
    </rPh>
    <phoneticPr fontId="6"/>
  </si>
  <si>
    <t>摘　　　要</t>
    <rPh sb="0" eb="1">
      <t>テキ</t>
    </rPh>
    <rPh sb="4" eb="5">
      <t>ヨウ</t>
    </rPh>
    <phoneticPr fontId="6"/>
  </si>
  <si>
    <t>支　払　決　定　額</t>
    <rPh sb="0" eb="1">
      <t>ササ</t>
    </rPh>
    <rPh sb="2" eb="3">
      <t>バライ</t>
    </rPh>
    <rPh sb="4" eb="5">
      <t>ケツ</t>
    </rPh>
    <rPh sb="6" eb="7">
      <t>サダム</t>
    </rPh>
    <rPh sb="8" eb="9">
      <t>ガク</t>
    </rPh>
    <phoneticPr fontId="6"/>
  </si>
  <si>
    <t>備　　考</t>
    <rPh sb="0" eb="1">
      <t>ソナエ</t>
    </rPh>
    <rPh sb="3" eb="4">
      <t>コウ</t>
    </rPh>
    <phoneticPr fontId="6"/>
  </si>
  <si>
    <t>材</t>
    <rPh sb="0" eb="1">
      <t>ザイ</t>
    </rPh>
    <phoneticPr fontId="6"/>
  </si>
  <si>
    <t>労</t>
    <rPh sb="0" eb="1">
      <t>ロウ</t>
    </rPh>
    <phoneticPr fontId="6"/>
  </si>
  <si>
    <t>外</t>
    <rPh sb="0" eb="1">
      <t>ガイ</t>
    </rPh>
    <phoneticPr fontId="6"/>
  </si>
  <si>
    <t>経</t>
    <rPh sb="0" eb="1">
      <t>ケイ</t>
    </rPh>
    <phoneticPr fontId="6"/>
  </si>
  <si>
    <t>今回請求金額</t>
    <rPh sb="0" eb="2">
      <t>コンカイ</t>
    </rPh>
    <rPh sb="2" eb="4">
      <t>セイキュウ</t>
    </rPh>
    <rPh sb="4" eb="5">
      <t>キン</t>
    </rPh>
    <rPh sb="5" eb="6">
      <t>ガク</t>
    </rPh>
    <phoneticPr fontId="6"/>
  </si>
  <si>
    <t>計</t>
    <rPh sb="0" eb="1">
      <t>ケイ</t>
    </rPh>
    <phoneticPr fontId="6"/>
  </si>
  <si>
    <t>購　　買</t>
    <rPh sb="0" eb="1">
      <t>コウ</t>
    </rPh>
    <rPh sb="3" eb="4">
      <t>バイ</t>
    </rPh>
    <phoneticPr fontId="6"/>
  </si>
  <si>
    <t>消費税等</t>
    <rPh sb="0" eb="3">
      <t>ショウヒゼイ</t>
    </rPh>
    <rPh sb="3" eb="4">
      <t>トウ</t>
    </rPh>
    <phoneticPr fontId="6"/>
  </si>
  <si>
    <t>合　　計</t>
    <rPh sb="0" eb="1">
      <t>ゴウ</t>
    </rPh>
    <rPh sb="3" eb="4">
      <t>ケイ</t>
    </rPh>
    <phoneticPr fontId="6"/>
  </si>
  <si>
    <t>相　　　殺</t>
    <rPh sb="0" eb="1">
      <t>ソウ</t>
    </rPh>
    <rPh sb="4" eb="5">
      <t>サツ</t>
    </rPh>
    <phoneticPr fontId="6"/>
  </si>
  <si>
    <t>検印</t>
    <rPh sb="0" eb="2">
      <t>ケンイン</t>
    </rPh>
    <phoneticPr fontId="6"/>
  </si>
  <si>
    <t>管　　理　　部</t>
    <rPh sb="0" eb="1">
      <t>カン</t>
    </rPh>
    <rPh sb="3" eb="4">
      <t>リ</t>
    </rPh>
    <rPh sb="6" eb="7">
      <t>ブ</t>
    </rPh>
    <phoneticPr fontId="6"/>
  </si>
  <si>
    <t>担　　当　　部　　門</t>
    <rPh sb="0" eb="1">
      <t>タン</t>
    </rPh>
    <rPh sb="3" eb="4">
      <t>トウ</t>
    </rPh>
    <rPh sb="6" eb="7">
      <t>ブ</t>
    </rPh>
    <rPh sb="9" eb="10">
      <t>モン</t>
    </rPh>
    <phoneticPr fontId="6"/>
  </si>
  <si>
    <t>担　当　者</t>
    <rPh sb="0" eb="1">
      <t>タン</t>
    </rPh>
    <rPh sb="2" eb="3">
      <t>トウ</t>
    </rPh>
    <rPh sb="4" eb="5">
      <t>シャ</t>
    </rPh>
    <phoneticPr fontId="6"/>
  </si>
  <si>
    <t>差引伝票添付</t>
    <rPh sb="0" eb="2">
      <t>サシヒキ</t>
    </rPh>
    <rPh sb="2" eb="4">
      <t>デンピョウ</t>
    </rPh>
    <rPh sb="4" eb="6">
      <t>テンプ</t>
    </rPh>
    <phoneticPr fontId="6"/>
  </si>
  <si>
    <t>消費税等</t>
    <rPh sb="0" eb="4">
      <t>ショウヒゼイトウ</t>
    </rPh>
    <phoneticPr fontId="6"/>
  </si>
  <si>
    <t>合計</t>
    <rPh sb="0" eb="2">
      <t>ゴウケイ</t>
    </rPh>
    <phoneticPr fontId="6"/>
  </si>
  <si>
    <t>株式会社メルディアDC</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 \ #\ \ #\ \ #\ \ #\ \ #\ \ 0_ "/>
    <numFmt numFmtId="177" formatCode="0\ \ \ \ 0\ \ \ \ 0\ \ \ \ 0\ \ \ \ 0\ \ \ \ 0"/>
    <numFmt numFmtId="178" formatCode="0\ \ \ 0\ \ \ 0\ \ \ 0\ \ \ 0\ \ \ 0\ \ \ 0"/>
    <numFmt numFmtId="179" formatCode="#,##0_ "/>
    <numFmt numFmtId="180" formatCode="#,###,###,###"/>
    <numFmt numFmtId="181" formatCode="0.0%"/>
    <numFmt numFmtId="182" formatCode="#,##0_ ;[Red]\-#,##0\ "/>
    <numFmt numFmtId="183" formatCode="#\ \ #\ \ #\ \ #\ \ #\ \ #\ \ #\ \ #\ \ 0"/>
  </numFmts>
  <fonts count="28">
    <font>
      <sz val="11"/>
      <color theme="1"/>
      <name val="Yu Gothic"/>
      <family val="2"/>
      <scheme val="minor"/>
    </font>
    <font>
      <sz val="11"/>
      <color theme="1"/>
      <name val="Yu Gothic"/>
      <family val="2"/>
      <scheme val="minor"/>
    </font>
    <font>
      <sz val="11"/>
      <name val="ＭＳ Ｐゴシック"/>
      <family val="3"/>
      <charset val="128"/>
    </font>
    <font>
      <sz val="6"/>
      <name val="Yu Gothic"/>
      <family val="3"/>
      <charset val="128"/>
      <scheme val="minor"/>
    </font>
    <font>
      <sz val="9"/>
      <name val="ＭＳ Ｐゴシック"/>
      <family val="3"/>
      <charset val="128"/>
    </font>
    <font>
      <sz val="18"/>
      <name val="HG創英角ｺﾞｼｯｸUB"/>
      <family val="3"/>
      <charset val="128"/>
    </font>
    <font>
      <sz val="6"/>
      <name val="ＭＳ Ｐゴシック"/>
      <family val="3"/>
      <charset val="128"/>
    </font>
    <font>
      <sz val="12"/>
      <name val="ＭＳ Ｐゴシック"/>
      <family val="3"/>
      <charset val="128"/>
    </font>
    <font>
      <sz val="8"/>
      <name val="HG丸ｺﾞｼｯｸM-PRO"/>
      <family val="3"/>
      <charset val="128"/>
    </font>
    <font>
      <sz val="10"/>
      <name val="ＭＳ Ｐゴシック"/>
      <family val="3"/>
      <charset val="128"/>
    </font>
    <font>
      <sz val="9"/>
      <name val="HG丸ｺﾞｼｯｸM-PRO"/>
      <family val="3"/>
      <charset val="128"/>
    </font>
    <font>
      <sz val="16"/>
      <name val="HG創英角ｺﾞｼｯｸUB"/>
      <family val="3"/>
      <charset val="128"/>
    </font>
    <font>
      <sz val="8"/>
      <color indexed="23"/>
      <name val="ＭＳ Ｐゴシック"/>
      <family val="3"/>
      <charset val="128"/>
    </font>
    <font>
      <sz val="8"/>
      <name val="ＭＳ Ｐゴシック"/>
      <family val="3"/>
      <charset val="128"/>
    </font>
    <font>
      <sz val="16"/>
      <name val="ＭＳ Ｐゴシック"/>
      <family val="3"/>
      <charset val="128"/>
    </font>
    <font>
      <sz val="7"/>
      <name val="HG丸ｺﾞｼｯｸM-PRO"/>
      <family val="3"/>
      <charset val="128"/>
    </font>
    <font>
      <sz val="7"/>
      <name val="ＭＳ Ｐゴシック"/>
      <family val="3"/>
      <charset val="128"/>
    </font>
    <font>
      <sz val="6"/>
      <name val="HG丸ｺﾞｼｯｸM-PRO"/>
      <family val="3"/>
      <charset val="128"/>
    </font>
    <font>
      <sz val="8"/>
      <color indexed="63"/>
      <name val="HG丸ｺﾞｼｯｸM-PRO"/>
      <family val="3"/>
      <charset val="128"/>
    </font>
    <font>
      <sz val="6"/>
      <color indexed="63"/>
      <name val="HG丸ｺﾞｼｯｸM-PRO"/>
      <family val="3"/>
      <charset val="128"/>
    </font>
    <font>
      <b/>
      <sz val="10"/>
      <name val="ＭＳ Ｐゴシック"/>
      <family val="3"/>
      <charset val="128"/>
    </font>
    <font>
      <b/>
      <sz val="11"/>
      <name val="ＭＳ Ｐゴシック"/>
      <family val="3"/>
      <charset val="128"/>
    </font>
    <font>
      <sz val="9"/>
      <color indexed="63"/>
      <name val="ＭＳ Ｐゴシック"/>
      <family val="3"/>
      <charset val="128"/>
    </font>
    <font>
      <sz val="7.5"/>
      <color indexed="63"/>
      <name val="ＭＳ Ｐゴシック"/>
      <family val="3"/>
      <charset val="128"/>
    </font>
    <font>
      <sz val="7.5"/>
      <name val="ＭＳ Ｐゴシック"/>
      <family val="3"/>
      <charset val="128"/>
    </font>
    <font>
      <sz val="14"/>
      <name val="ＭＳ Ｐゴシック"/>
      <family val="3"/>
      <charset val="128"/>
    </font>
    <font>
      <sz val="8"/>
      <color indexed="63"/>
      <name val="ＭＳ Ｐゴシック"/>
      <family val="3"/>
      <charset val="128"/>
    </font>
    <font>
      <b/>
      <sz val="20"/>
      <name val="ＭＳ Ｐゴシック"/>
      <family val="3"/>
      <charset val="128"/>
    </font>
  </fonts>
  <fills count="3">
    <fill>
      <patternFill patternType="none"/>
    </fill>
    <fill>
      <patternFill patternType="gray125"/>
    </fill>
    <fill>
      <patternFill patternType="solid">
        <fgColor rgb="FFFFFF99"/>
        <bgColor indexed="64"/>
      </patternFill>
    </fill>
  </fills>
  <borders count="134">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3"/>
      </left>
      <right/>
      <top style="thin">
        <color indexed="63"/>
      </top>
      <bottom/>
      <diagonal/>
    </border>
    <border>
      <left/>
      <right/>
      <top style="thin">
        <color indexed="63"/>
      </top>
      <bottom/>
      <diagonal/>
    </border>
    <border>
      <left/>
      <right style="thin">
        <color indexed="63"/>
      </right>
      <top style="thin">
        <color indexed="63"/>
      </top>
      <bottom/>
      <diagonal/>
    </border>
    <border>
      <left style="thin">
        <color indexed="63"/>
      </left>
      <right style="thin">
        <color indexed="23"/>
      </right>
      <top style="thin">
        <color indexed="63"/>
      </top>
      <bottom/>
      <diagonal/>
    </border>
    <border>
      <left style="thin">
        <color indexed="23"/>
      </left>
      <right style="thin">
        <color indexed="23"/>
      </right>
      <top style="thin">
        <color indexed="63"/>
      </top>
      <bottom/>
      <diagonal/>
    </border>
    <border>
      <left style="thin">
        <color indexed="23"/>
      </left>
      <right style="thin">
        <color indexed="63"/>
      </right>
      <top style="thin">
        <color indexed="63"/>
      </top>
      <bottom/>
      <diagonal/>
    </border>
    <border>
      <left style="thin">
        <color indexed="63"/>
      </left>
      <right/>
      <top style="thin">
        <color indexed="63"/>
      </top>
      <bottom style="thin">
        <color indexed="63"/>
      </bottom>
      <diagonal/>
    </border>
    <border>
      <left/>
      <right/>
      <top style="thin">
        <color indexed="63"/>
      </top>
      <bottom style="thin">
        <color indexed="63"/>
      </bottom>
      <diagonal/>
    </border>
    <border>
      <left/>
      <right style="thin">
        <color indexed="63"/>
      </right>
      <top style="thin">
        <color indexed="63"/>
      </top>
      <bottom style="thin">
        <color indexed="63"/>
      </bottom>
      <diagonal/>
    </border>
    <border>
      <left style="thin">
        <color indexed="63"/>
      </left>
      <right/>
      <top/>
      <bottom style="thin">
        <color indexed="63"/>
      </bottom>
      <diagonal/>
    </border>
    <border>
      <left/>
      <right/>
      <top/>
      <bottom style="thin">
        <color indexed="63"/>
      </bottom>
      <diagonal/>
    </border>
    <border>
      <left/>
      <right style="thin">
        <color indexed="63"/>
      </right>
      <top/>
      <bottom style="thin">
        <color indexed="63"/>
      </bottom>
      <diagonal/>
    </border>
    <border>
      <left style="thin">
        <color indexed="63"/>
      </left>
      <right style="thin">
        <color indexed="23"/>
      </right>
      <top/>
      <bottom style="thin">
        <color indexed="63"/>
      </bottom>
      <diagonal/>
    </border>
    <border>
      <left style="thin">
        <color indexed="23"/>
      </left>
      <right style="thin">
        <color indexed="23"/>
      </right>
      <top/>
      <bottom style="thin">
        <color indexed="63"/>
      </bottom>
      <diagonal/>
    </border>
    <border>
      <left style="thin">
        <color indexed="23"/>
      </left>
      <right style="thin">
        <color indexed="63"/>
      </right>
      <top/>
      <bottom style="thin">
        <color indexed="63"/>
      </bottom>
      <diagonal/>
    </border>
    <border>
      <left style="thin">
        <color indexed="63"/>
      </left>
      <right style="hair">
        <color indexed="63"/>
      </right>
      <top style="thin">
        <color indexed="63"/>
      </top>
      <bottom/>
      <diagonal/>
    </border>
    <border>
      <left style="hair">
        <color indexed="63"/>
      </left>
      <right style="hair">
        <color indexed="63"/>
      </right>
      <top style="thin">
        <color indexed="63"/>
      </top>
      <bottom/>
      <diagonal/>
    </border>
    <border>
      <left style="hair">
        <color indexed="63"/>
      </left>
      <right style="thin">
        <color indexed="63"/>
      </right>
      <top style="thin">
        <color indexed="63"/>
      </top>
      <bottom/>
      <diagonal/>
    </border>
    <border>
      <left/>
      <right style="thin">
        <color indexed="63"/>
      </right>
      <top/>
      <bottom/>
      <diagonal/>
    </border>
    <border>
      <left style="thin">
        <color indexed="63"/>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thin">
        <color indexed="23"/>
      </left>
      <right style="hair">
        <color indexed="64"/>
      </right>
      <top/>
      <bottom style="thin">
        <color indexed="64"/>
      </bottom>
      <diagonal/>
    </border>
    <border>
      <left style="hair">
        <color indexed="64"/>
      </left>
      <right style="thin">
        <color indexed="23"/>
      </right>
      <top/>
      <bottom style="thin">
        <color indexed="64"/>
      </bottom>
      <diagonal/>
    </border>
    <border>
      <left/>
      <right style="hair">
        <color indexed="64"/>
      </right>
      <top/>
      <bottom style="thin">
        <color indexed="64"/>
      </bottom>
      <diagonal/>
    </border>
    <border>
      <left style="hair">
        <color indexed="64"/>
      </left>
      <right style="thin">
        <color indexed="63"/>
      </right>
      <top/>
      <bottom style="thin">
        <color indexed="64"/>
      </bottom>
      <diagonal/>
    </border>
    <border>
      <left style="thin">
        <color indexed="63"/>
      </left>
      <right style="hair">
        <color indexed="63"/>
      </right>
      <top/>
      <bottom/>
      <diagonal/>
    </border>
    <border>
      <left style="hair">
        <color indexed="63"/>
      </left>
      <right style="hair">
        <color indexed="63"/>
      </right>
      <top/>
      <bottom/>
      <diagonal/>
    </border>
    <border>
      <left style="hair">
        <color indexed="63"/>
      </left>
      <right style="thin">
        <color indexed="63"/>
      </right>
      <top/>
      <bottom/>
      <diagonal/>
    </border>
    <border>
      <left style="thin">
        <color indexed="63"/>
      </left>
      <right style="hair">
        <color indexed="64"/>
      </right>
      <top/>
      <bottom/>
      <diagonal/>
    </border>
    <border>
      <left style="hair">
        <color indexed="64"/>
      </left>
      <right style="hair">
        <color indexed="64"/>
      </right>
      <top/>
      <bottom/>
      <diagonal/>
    </border>
    <border>
      <left style="hair">
        <color indexed="64"/>
      </left>
      <right/>
      <top/>
      <bottom/>
      <diagonal/>
    </border>
    <border>
      <left style="thin">
        <color indexed="23"/>
      </left>
      <right style="hair">
        <color indexed="64"/>
      </right>
      <top/>
      <bottom/>
      <diagonal/>
    </border>
    <border>
      <left style="hair">
        <color indexed="64"/>
      </left>
      <right style="thin">
        <color indexed="23"/>
      </right>
      <top/>
      <bottom/>
      <diagonal/>
    </border>
    <border>
      <left/>
      <right style="hair">
        <color indexed="64"/>
      </right>
      <top/>
      <bottom/>
      <diagonal/>
    </border>
    <border>
      <left style="hair">
        <color indexed="64"/>
      </left>
      <right style="thin">
        <color indexed="63"/>
      </right>
      <top/>
      <bottom/>
      <diagonal/>
    </border>
    <border>
      <left style="thin">
        <color indexed="63"/>
      </left>
      <right style="hair">
        <color indexed="63"/>
      </right>
      <top/>
      <bottom style="thin">
        <color indexed="23"/>
      </bottom>
      <diagonal/>
    </border>
    <border>
      <left style="hair">
        <color indexed="63"/>
      </left>
      <right style="hair">
        <color indexed="63"/>
      </right>
      <top/>
      <bottom style="thin">
        <color indexed="23"/>
      </bottom>
      <diagonal/>
    </border>
    <border>
      <left style="hair">
        <color indexed="63"/>
      </left>
      <right style="thin">
        <color indexed="63"/>
      </right>
      <top/>
      <bottom style="thin">
        <color indexed="23"/>
      </bottom>
      <diagonal/>
    </border>
    <border>
      <left/>
      <right/>
      <top/>
      <bottom style="thin">
        <color indexed="23"/>
      </bottom>
      <diagonal/>
    </border>
    <border>
      <left style="thin">
        <color indexed="63"/>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style="thin">
        <color indexed="23"/>
      </left>
      <right style="hair">
        <color indexed="64"/>
      </right>
      <top style="thin">
        <color indexed="64"/>
      </top>
      <bottom/>
      <diagonal/>
    </border>
    <border>
      <left style="hair">
        <color indexed="64"/>
      </left>
      <right style="thin">
        <color indexed="23"/>
      </right>
      <top style="thin">
        <color indexed="64"/>
      </top>
      <bottom/>
      <diagonal/>
    </border>
    <border>
      <left/>
      <right style="hair">
        <color indexed="64"/>
      </right>
      <top style="thin">
        <color indexed="64"/>
      </top>
      <bottom/>
      <diagonal/>
    </border>
    <border>
      <left style="hair">
        <color indexed="64"/>
      </left>
      <right style="thin">
        <color indexed="63"/>
      </right>
      <top style="thin">
        <color indexed="64"/>
      </top>
      <bottom/>
      <diagonal/>
    </border>
    <border>
      <left style="thin">
        <color indexed="63"/>
      </left>
      <right style="hair">
        <color indexed="63"/>
      </right>
      <top style="thin">
        <color indexed="23"/>
      </top>
      <bottom/>
      <diagonal/>
    </border>
    <border>
      <left style="hair">
        <color indexed="63"/>
      </left>
      <right style="hair">
        <color indexed="63"/>
      </right>
      <top style="thin">
        <color indexed="23"/>
      </top>
      <bottom/>
      <diagonal/>
    </border>
    <border>
      <left style="hair">
        <color indexed="63"/>
      </left>
      <right style="thin">
        <color indexed="63"/>
      </right>
      <top style="thin">
        <color indexed="23"/>
      </top>
      <bottom/>
      <diagonal/>
    </border>
    <border>
      <left/>
      <right/>
      <top style="thin">
        <color indexed="23"/>
      </top>
      <bottom/>
      <diagonal/>
    </border>
    <border>
      <left/>
      <right style="thin">
        <color indexed="63"/>
      </right>
      <top style="thin">
        <color indexed="23"/>
      </top>
      <bottom/>
      <diagonal/>
    </border>
    <border>
      <left style="thin">
        <color indexed="63"/>
      </left>
      <right style="hair">
        <color indexed="64"/>
      </right>
      <top style="thin">
        <color indexed="23"/>
      </top>
      <bottom style="thin">
        <color indexed="64"/>
      </bottom>
      <diagonal/>
    </border>
    <border>
      <left style="hair">
        <color indexed="64"/>
      </left>
      <right style="hair">
        <color indexed="64"/>
      </right>
      <top style="thin">
        <color indexed="23"/>
      </top>
      <bottom style="thin">
        <color indexed="64"/>
      </bottom>
      <diagonal/>
    </border>
    <border>
      <left style="hair">
        <color indexed="64"/>
      </left>
      <right/>
      <top style="thin">
        <color indexed="23"/>
      </top>
      <bottom style="thin">
        <color indexed="64"/>
      </bottom>
      <diagonal/>
    </border>
    <border>
      <left style="thin">
        <color indexed="23"/>
      </left>
      <right style="hair">
        <color indexed="64"/>
      </right>
      <top style="thin">
        <color indexed="23"/>
      </top>
      <bottom style="thin">
        <color indexed="64"/>
      </bottom>
      <diagonal/>
    </border>
    <border>
      <left style="hair">
        <color indexed="64"/>
      </left>
      <right style="thin">
        <color indexed="23"/>
      </right>
      <top style="thin">
        <color indexed="23"/>
      </top>
      <bottom style="thin">
        <color indexed="64"/>
      </bottom>
      <diagonal/>
    </border>
    <border>
      <left/>
      <right style="hair">
        <color indexed="64"/>
      </right>
      <top style="thin">
        <color indexed="23"/>
      </top>
      <bottom style="thin">
        <color indexed="64"/>
      </bottom>
      <diagonal/>
    </border>
    <border>
      <left style="hair">
        <color indexed="64"/>
      </left>
      <right style="thin">
        <color indexed="63"/>
      </right>
      <top style="thin">
        <color indexed="23"/>
      </top>
      <bottom style="thin">
        <color indexed="64"/>
      </bottom>
      <diagonal/>
    </border>
    <border>
      <left style="thin">
        <color indexed="63"/>
      </left>
      <right/>
      <top style="thin">
        <color indexed="23"/>
      </top>
      <bottom style="thin">
        <color indexed="63"/>
      </bottom>
      <diagonal/>
    </border>
    <border>
      <left/>
      <right/>
      <top style="thin">
        <color indexed="23"/>
      </top>
      <bottom style="thin">
        <color indexed="63"/>
      </bottom>
      <diagonal/>
    </border>
    <border>
      <left/>
      <right style="thin">
        <color indexed="63"/>
      </right>
      <top style="thin">
        <color indexed="23"/>
      </top>
      <bottom style="thin">
        <color indexed="63"/>
      </bottom>
      <diagonal/>
    </border>
    <border>
      <left style="thin">
        <color indexed="63"/>
      </left>
      <right/>
      <top/>
      <bottom/>
      <diagonal/>
    </border>
    <border>
      <left/>
      <right/>
      <top style="thin">
        <color indexed="64"/>
      </top>
      <bottom style="thin">
        <color indexed="64"/>
      </bottom>
      <diagonal/>
    </border>
    <border>
      <left/>
      <right style="thin">
        <color indexed="63"/>
      </right>
      <top/>
      <bottom style="thin">
        <color indexed="23"/>
      </bottom>
      <diagonal/>
    </border>
    <border>
      <left style="thin">
        <color indexed="63"/>
      </left>
      <right style="hair">
        <color indexed="64"/>
      </right>
      <top style="thin">
        <color indexed="64"/>
      </top>
      <bottom style="thin">
        <color indexed="23"/>
      </bottom>
      <diagonal/>
    </border>
    <border>
      <left style="hair">
        <color indexed="64"/>
      </left>
      <right style="hair">
        <color indexed="64"/>
      </right>
      <top style="thin">
        <color indexed="64"/>
      </top>
      <bottom style="thin">
        <color indexed="23"/>
      </bottom>
      <diagonal/>
    </border>
    <border>
      <left style="hair">
        <color indexed="64"/>
      </left>
      <right/>
      <top style="thin">
        <color indexed="64"/>
      </top>
      <bottom style="thin">
        <color indexed="23"/>
      </bottom>
      <diagonal/>
    </border>
    <border>
      <left style="thin">
        <color indexed="23"/>
      </left>
      <right style="hair">
        <color indexed="64"/>
      </right>
      <top style="thin">
        <color indexed="64"/>
      </top>
      <bottom style="thin">
        <color indexed="23"/>
      </bottom>
      <diagonal/>
    </border>
    <border>
      <left style="hair">
        <color indexed="64"/>
      </left>
      <right style="thin">
        <color indexed="23"/>
      </right>
      <top style="thin">
        <color indexed="64"/>
      </top>
      <bottom style="thin">
        <color indexed="23"/>
      </bottom>
      <diagonal/>
    </border>
    <border>
      <left/>
      <right style="hair">
        <color indexed="64"/>
      </right>
      <top style="thin">
        <color indexed="64"/>
      </top>
      <bottom style="thin">
        <color indexed="23"/>
      </bottom>
      <diagonal/>
    </border>
    <border>
      <left style="hair">
        <color indexed="64"/>
      </left>
      <right style="thin">
        <color indexed="63"/>
      </right>
      <top style="thin">
        <color indexed="64"/>
      </top>
      <bottom style="thin">
        <color indexed="23"/>
      </bottom>
      <diagonal/>
    </border>
    <border>
      <left style="thin">
        <color indexed="63"/>
      </left>
      <right/>
      <top style="thin">
        <color indexed="63"/>
      </top>
      <bottom style="thin">
        <color indexed="23"/>
      </bottom>
      <diagonal/>
    </border>
    <border>
      <left/>
      <right/>
      <top style="thin">
        <color indexed="63"/>
      </top>
      <bottom style="thin">
        <color indexed="23"/>
      </bottom>
      <diagonal/>
    </border>
    <border>
      <left/>
      <right style="thin">
        <color indexed="63"/>
      </right>
      <top style="thin">
        <color indexed="63"/>
      </top>
      <bottom style="thin">
        <color indexed="23"/>
      </bottom>
      <diagonal/>
    </border>
    <border>
      <left style="thin">
        <color indexed="63"/>
      </left>
      <right style="thin">
        <color indexed="63"/>
      </right>
      <top style="thin">
        <color indexed="63"/>
      </top>
      <bottom/>
      <diagonal/>
    </border>
    <border>
      <left style="thin">
        <color indexed="63"/>
      </left>
      <right style="thin">
        <color indexed="63"/>
      </right>
      <top/>
      <bottom style="thin">
        <color indexed="63"/>
      </bottom>
      <diagonal/>
    </border>
    <border>
      <left style="thin">
        <color indexed="64"/>
      </left>
      <right/>
      <top style="thin">
        <color indexed="63"/>
      </top>
      <bottom/>
      <diagonal/>
    </border>
    <border>
      <left/>
      <right style="thin">
        <color indexed="64"/>
      </right>
      <top style="thin">
        <color indexed="63"/>
      </top>
      <bottom/>
      <diagonal/>
    </border>
    <border>
      <left style="thin">
        <color indexed="63"/>
      </left>
      <right style="thin">
        <color indexed="63"/>
      </right>
      <top style="thin">
        <color indexed="63"/>
      </top>
      <bottom style="thin">
        <color indexed="63"/>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thin">
        <color indexed="63"/>
      </left>
      <right style="hair">
        <color indexed="63"/>
      </right>
      <top/>
      <bottom style="thin">
        <color indexed="64"/>
      </bottom>
      <diagonal/>
    </border>
    <border>
      <left style="hair">
        <color indexed="63"/>
      </left>
      <right style="hair">
        <color indexed="63"/>
      </right>
      <top/>
      <bottom style="thin">
        <color indexed="64"/>
      </bottom>
      <diagonal/>
    </border>
    <border>
      <left style="hair">
        <color indexed="63"/>
      </left>
      <right style="thin">
        <color indexed="63"/>
      </right>
      <top/>
      <bottom style="thin">
        <color indexed="64"/>
      </bottom>
      <diagonal/>
    </border>
    <border>
      <left style="thin">
        <color indexed="63"/>
      </left>
      <right style="hair">
        <color indexed="64"/>
      </right>
      <top style="thin">
        <color indexed="63"/>
      </top>
      <bottom style="thin">
        <color indexed="64"/>
      </bottom>
      <diagonal/>
    </border>
    <border>
      <left style="hair">
        <color indexed="64"/>
      </left>
      <right style="hair">
        <color indexed="64"/>
      </right>
      <top style="thin">
        <color indexed="63"/>
      </top>
      <bottom style="thin">
        <color indexed="64"/>
      </bottom>
      <diagonal/>
    </border>
    <border>
      <left style="hair">
        <color indexed="64"/>
      </left>
      <right/>
      <top style="thin">
        <color indexed="63"/>
      </top>
      <bottom style="thin">
        <color indexed="64"/>
      </bottom>
      <diagonal/>
    </border>
    <border>
      <left style="thin">
        <color indexed="23"/>
      </left>
      <right style="hair">
        <color indexed="64"/>
      </right>
      <top style="thin">
        <color indexed="63"/>
      </top>
      <bottom style="thin">
        <color indexed="64"/>
      </bottom>
      <diagonal/>
    </border>
    <border>
      <left style="hair">
        <color indexed="64"/>
      </left>
      <right style="thin">
        <color indexed="23"/>
      </right>
      <top style="thin">
        <color indexed="63"/>
      </top>
      <bottom style="thin">
        <color indexed="64"/>
      </bottom>
      <diagonal/>
    </border>
    <border>
      <left/>
      <right style="hair">
        <color indexed="64"/>
      </right>
      <top style="thin">
        <color indexed="63"/>
      </top>
      <bottom style="thin">
        <color indexed="64"/>
      </bottom>
      <diagonal/>
    </border>
    <border>
      <left style="hair">
        <color indexed="64"/>
      </left>
      <right style="thin">
        <color indexed="63"/>
      </right>
      <top style="thin">
        <color indexed="63"/>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rgb="FF333333"/>
      </left>
      <right/>
      <top style="thin">
        <color rgb="FF333333"/>
      </top>
      <bottom/>
      <diagonal/>
    </border>
    <border>
      <left/>
      <right/>
      <top style="thin">
        <color rgb="FF333333"/>
      </top>
      <bottom/>
      <diagonal/>
    </border>
    <border>
      <left/>
      <right style="thin">
        <color rgb="FF333333"/>
      </right>
      <top style="thin">
        <color rgb="FF333333"/>
      </top>
      <bottom/>
      <diagonal/>
    </border>
    <border>
      <left style="thin">
        <color rgb="FF333333"/>
      </left>
      <right/>
      <top/>
      <bottom/>
      <diagonal/>
    </border>
    <border>
      <left/>
      <right style="thin">
        <color rgb="FF333333"/>
      </right>
      <top/>
      <bottom/>
      <diagonal/>
    </border>
    <border>
      <left style="thin">
        <color theme="1" tint="0.499984740745262"/>
      </left>
      <right/>
      <top style="thin">
        <color theme="1" tint="0.499984740745262"/>
      </top>
      <bottom/>
      <diagonal/>
    </border>
    <border>
      <left/>
      <right/>
      <top style="thin">
        <color theme="1" tint="0.499984740745262"/>
      </top>
      <bottom/>
      <diagonal/>
    </border>
    <border>
      <left/>
      <right style="thin">
        <color theme="1" tint="0.499984740745262"/>
      </right>
      <top style="thin">
        <color theme="1" tint="0.499984740745262"/>
      </top>
      <bottom/>
      <diagonal/>
    </border>
    <border>
      <left style="thin">
        <color theme="1" tint="0.499984740745262"/>
      </left>
      <right/>
      <top/>
      <bottom style="thin">
        <color theme="1" tint="0.499984740745262"/>
      </bottom>
      <diagonal/>
    </border>
    <border>
      <left/>
      <right/>
      <top/>
      <bottom style="thin">
        <color theme="1" tint="0.499984740745262"/>
      </bottom>
      <diagonal/>
    </border>
    <border>
      <left/>
      <right style="thin">
        <color theme="1" tint="0.499984740745262"/>
      </right>
      <top/>
      <bottom style="thin">
        <color theme="1" tint="0.499984740745262"/>
      </bottom>
      <diagonal/>
    </border>
    <border>
      <left style="thin">
        <color rgb="FF333333"/>
      </left>
      <right/>
      <top/>
      <bottom style="thin">
        <color rgb="FF333333"/>
      </bottom>
      <diagonal/>
    </border>
    <border>
      <left/>
      <right/>
      <top/>
      <bottom style="thin">
        <color rgb="FF333333"/>
      </bottom>
      <diagonal/>
    </border>
    <border>
      <left/>
      <right style="thin">
        <color rgb="FF333333"/>
      </right>
      <top/>
      <bottom style="thin">
        <color rgb="FF333333"/>
      </bottom>
      <diagonal/>
    </border>
    <border>
      <left style="thin">
        <color indexed="63"/>
      </left>
      <right style="hair">
        <color indexed="64"/>
      </right>
      <top style="thin">
        <color indexed="64"/>
      </top>
      <bottom style="thin">
        <color indexed="63"/>
      </bottom>
      <diagonal/>
    </border>
    <border>
      <left style="hair">
        <color indexed="64"/>
      </left>
      <right style="hair">
        <color indexed="64"/>
      </right>
      <top style="thin">
        <color indexed="64"/>
      </top>
      <bottom style="thin">
        <color indexed="63"/>
      </bottom>
      <diagonal/>
    </border>
    <border>
      <left style="hair">
        <color indexed="64"/>
      </left>
      <right/>
      <top style="thin">
        <color indexed="64"/>
      </top>
      <bottom style="thin">
        <color indexed="63"/>
      </bottom>
      <diagonal/>
    </border>
    <border>
      <left style="thin">
        <color indexed="23"/>
      </left>
      <right style="hair">
        <color indexed="64"/>
      </right>
      <top style="thin">
        <color indexed="64"/>
      </top>
      <bottom style="thin">
        <color indexed="63"/>
      </bottom>
      <diagonal/>
    </border>
    <border>
      <left style="hair">
        <color indexed="64"/>
      </left>
      <right style="thin">
        <color indexed="23"/>
      </right>
      <top style="thin">
        <color indexed="64"/>
      </top>
      <bottom style="thin">
        <color indexed="63"/>
      </bottom>
      <diagonal/>
    </border>
    <border>
      <left/>
      <right style="hair">
        <color indexed="64"/>
      </right>
      <top style="thin">
        <color indexed="64"/>
      </top>
      <bottom style="thin">
        <color indexed="63"/>
      </bottom>
      <diagonal/>
    </border>
    <border>
      <left style="hair">
        <color indexed="64"/>
      </left>
      <right style="thin">
        <color indexed="63"/>
      </right>
      <top style="thin">
        <color indexed="64"/>
      </top>
      <bottom style="thin">
        <color indexed="63"/>
      </bottom>
      <diagonal/>
    </border>
  </borders>
  <cellStyleXfs count="2">
    <xf numFmtId="0" fontId="0" fillId="0" borderId="0"/>
    <xf numFmtId="38" fontId="1" fillId="0" borderId="0" applyFont="0" applyFill="0" applyBorder="0" applyAlignment="0" applyProtection="0">
      <alignment vertical="center"/>
    </xf>
  </cellStyleXfs>
  <cellXfs count="491">
    <xf numFmtId="0" fontId="0" fillId="0" borderId="0" xfId="0"/>
    <xf numFmtId="0" fontId="2" fillId="0" borderId="0" xfId="0" applyFont="1" applyAlignment="1">
      <alignment vertical="center"/>
    </xf>
    <xf numFmtId="0" fontId="4" fillId="0" borderId="0" xfId="0" applyFont="1" applyAlignment="1">
      <alignment vertical="center"/>
    </xf>
    <xf numFmtId="0" fontId="4" fillId="0" borderId="0" xfId="0" applyFont="1" applyAlignment="1">
      <alignment horizontal="center" vertical="center"/>
    </xf>
    <xf numFmtId="176" fontId="7" fillId="0" borderId="0" xfId="0" applyNumberFormat="1" applyFont="1" applyAlignment="1">
      <alignment vertical="distributed"/>
    </xf>
    <xf numFmtId="0" fontId="2" fillId="0" borderId="0" xfId="0" applyFont="1" applyAlignment="1">
      <alignment horizontal="distributed" vertical="center"/>
    </xf>
    <xf numFmtId="0" fontId="5" fillId="0" borderId="0" xfId="0" applyFont="1" applyAlignment="1">
      <alignment horizontal="distributed" justifyLastLine="1"/>
    </xf>
    <xf numFmtId="176" fontId="7" fillId="0" borderId="7" xfId="0" applyNumberFormat="1" applyFont="1" applyBorder="1" applyAlignment="1">
      <alignment vertical="distributed"/>
    </xf>
    <xf numFmtId="0" fontId="4" fillId="0" borderId="1" xfId="0" applyFont="1" applyBorder="1" applyAlignment="1">
      <alignment horizontal="center" vertical="center"/>
    </xf>
    <xf numFmtId="0" fontId="4" fillId="0" borderId="2" xfId="0" applyFont="1" applyBorder="1" applyAlignment="1">
      <alignment horizontal="center" vertical="center"/>
    </xf>
    <xf numFmtId="0" fontId="4" fillId="0" borderId="2" xfId="0" applyFont="1" applyBorder="1" applyAlignment="1">
      <alignment horizontal="center"/>
    </xf>
    <xf numFmtId="0" fontId="2" fillId="0" borderId="2" xfId="0" applyFont="1" applyBorder="1" applyAlignment="1">
      <alignment vertical="center"/>
    </xf>
    <xf numFmtId="0" fontId="9" fillId="0" borderId="2" xfId="0" applyFont="1" applyBorder="1" applyAlignment="1">
      <alignment horizontal="left" vertical="center"/>
    </xf>
    <xf numFmtId="0" fontId="4" fillId="0" borderId="2" xfId="0" applyFont="1" applyBorder="1" applyAlignment="1">
      <alignment vertical="center"/>
    </xf>
    <xf numFmtId="0" fontId="4" fillId="0" borderId="3" xfId="0" applyFont="1" applyBorder="1" applyAlignment="1">
      <alignment vertical="center"/>
    </xf>
    <xf numFmtId="0" fontId="10" fillId="0" borderId="0" xfId="0" applyFont="1" applyAlignment="1">
      <alignment justifyLastLine="1"/>
    </xf>
    <xf numFmtId="0" fontId="4" fillId="0" borderId="4" xfId="0" applyFont="1" applyBorder="1" applyAlignment="1">
      <alignment horizontal="center" vertical="center"/>
    </xf>
    <xf numFmtId="0" fontId="4" fillId="0" borderId="0" xfId="0" applyFont="1" applyAlignment="1">
      <alignment horizontal="center"/>
    </xf>
    <xf numFmtId="0" fontId="9" fillId="0" borderId="0" xfId="0" applyFont="1" applyAlignment="1">
      <alignment horizontal="left" vertical="center"/>
    </xf>
    <xf numFmtId="0" fontId="4" fillId="0" borderId="5" xfId="0" applyFont="1" applyBorder="1" applyAlignment="1">
      <alignment vertical="center"/>
    </xf>
    <xf numFmtId="0" fontId="11" fillId="0" borderId="0" xfId="0" applyFont="1" applyAlignment="1">
      <alignment horizontal="center" vertical="center"/>
    </xf>
    <xf numFmtId="0" fontId="10" fillId="0" borderId="0" xfId="0" applyFont="1" applyAlignment="1">
      <alignment horizontal="distributed" justifyLastLine="1"/>
    </xf>
    <xf numFmtId="0" fontId="7" fillId="0" borderId="0" xfId="0" applyFont="1" applyAlignment="1">
      <alignment horizontal="left" vertical="center"/>
    </xf>
    <xf numFmtId="0" fontId="7" fillId="0" borderId="0" xfId="0" applyFont="1" applyAlignment="1">
      <alignment horizontal="distributed" vertical="center"/>
    </xf>
    <xf numFmtId="0" fontId="2" fillId="0" borderId="0" xfId="0" applyFont="1" applyAlignment="1">
      <alignment horizontal="left" vertical="center"/>
    </xf>
    <xf numFmtId="0" fontId="13" fillId="0" borderId="0" xfId="0" applyFont="1" applyAlignment="1">
      <alignment horizontal="center"/>
    </xf>
    <xf numFmtId="0" fontId="13" fillId="0" borderId="5" xfId="0" applyFont="1" applyBorder="1" applyAlignment="1">
      <alignment horizontal="center"/>
    </xf>
    <xf numFmtId="0" fontId="8" fillId="0" borderId="0" xfId="0" applyFont="1" applyAlignment="1">
      <alignment horizontal="distributed" vertical="center" justifyLastLine="1"/>
    </xf>
    <xf numFmtId="0" fontId="8" fillId="0" borderId="0" xfId="0" applyFont="1" applyAlignment="1">
      <alignment horizontal="right" vertical="center"/>
    </xf>
    <xf numFmtId="0" fontId="9" fillId="0" borderId="0" xfId="0" applyFont="1" applyAlignment="1">
      <alignment horizontal="center" vertical="center"/>
    </xf>
    <xf numFmtId="0" fontId="8" fillId="0" borderId="0" xfId="0" applyFont="1" applyAlignment="1">
      <alignment horizontal="center" vertical="center"/>
    </xf>
    <xf numFmtId="0" fontId="2" fillId="0" borderId="0" xfId="0" applyFont="1" applyAlignment="1">
      <alignment horizontal="center" vertical="center"/>
    </xf>
    <xf numFmtId="0" fontId="9" fillId="0" borderId="0" xfId="0" applyFont="1" applyAlignment="1">
      <alignment horizontal="distributed" vertical="center"/>
    </xf>
    <xf numFmtId="0" fontId="13" fillId="0" borderId="0" xfId="0" applyFont="1" applyAlignment="1">
      <alignment horizontal="center" vertical="center"/>
    </xf>
    <xf numFmtId="0" fontId="13" fillId="0" borderId="5" xfId="0" applyFont="1" applyBorder="1" applyAlignment="1">
      <alignment horizontal="center"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7" xfId="0" applyFont="1" applyBorder="1" applyAlignment="1">
      <alignment vertical="center"/>
    </xf>
    <xf numFmtId="0" fontId="4" fillId="0" borderId="8" xfId="0" applyFont="1" applyBorder="1" applyAlignment="1">
      <alignment vertical="center"/>
    </xf>
    <xf numFmtId="0" fontId="0" fillId="0" borderId="0" xfId="0" applyAlignment="1">
      <alignment vertical="center"/>
    </xf>
    <xf numFmtId="0" fontId="8" fillId="2" borderId="2" xfId="0" applyFont="1" applyFill="1" applyBorder="1" applyAlignment="1">
      <alignment horizontal="center" wrapText="1"/>
    </xf>
    <xf numFmtId="0" fontId="15" fillId="2" borderId="1" xfId="0" applyFont="1" applyFill="1" applyBorder="1" applyAlignment="1">
      <alignment horizontal="left"/>
    </xf>
    <xf numFmtId="0" fontId="15" fillId="2" borderId="2" xfId="0" applyFont="1" applyFill="1" applyBorder="1" applyAlignment="1">
      <alignment horizontal="left"/>
    </xf>
    <xf numFmtId="0" fontId="15" fillId="2" borderId="3" xfId="0" applyFont="1" applyFill="1" applyBorder="1" applyAlignment="1">
      <alignment horizontal="left"/>
    </xf>
    <xf numFmtId="0" fontId="15" fillId="2" borderId="3" xfId="0" applyFont="1" applyFill="1" applyBorder="1" applyAlignment="1">
      <alignment horizontal="left" vertical="center"/>
    </xf>
    <xf numFmtId="0" fontId="15" fillId="2" borderId="1" xfId="0" applyFont="1" applyFill="1" applyBorder="1" applyAlignment="1">
      <alignment horizontal="left" vertical="center"/>
    </xf>
    <xf numFmtId="0" fontId="2" fillId="0" borderId="10" xfId="0" applyFont="1" applyBorder="1" applyAlignment="1">
      <alignment vertical="center"/>
    </xf>
    <xf numFmtId="0" fontId="4" fillId="0" borderId="0" xfId="0" applyFont="1" applyAlignment="1">
      <alignment horizontal="distributed" vertical="center"/>
    </xf>
    <xf numFmtId="0" fontId="16" fillId="2" borderId="6" xfId="0" applyFont="1" applyFill="1" applyBorder="1" applyAlignment="1">
      <alignment horizontal="center" vertical="center"/>
    </xf>
    <xf numFmtId="0" fontId="16" fillId="2" borderId="7" xfId="0" applyFont="1" applyFill="1" applyBorder="1" applyAlignment="1">
      <alignment horizontal="center" vertical="center"/>
    </xf>
    <xf numFmtId="0" fontId="15" fillId="2" borderId="7" xfId="0" applyFont="1" applyFill="1" applyBorder="1" applyAlignment="1">
      <alignment horizontal="center" vertical="center"/>
    </xf>
    <xf numFmtId="0" fontId="15" fillId="2" borderId="8" xfId="0" applyFont="1" applyFill="1" applyBorder="1" applyAlignment="1">
      <alignment horizontal="center" vertical="center"/>
    </xf>
    <xf numFmtId="0" fontId="2" fillId="0" borderId="4" xfId="0" applyFont="1" applyBorder="1" applyAlignment="1">
      <alignment vertical="center"/>
    </xf>
    <xf numFmtId="0" fontId="2" fillId="2" borderId="4" xfId="0" applyFont="1" applyFill="1" applyBorder="1" applyAlignment="1">
      <alignment vertical="center"/>
    </xf>
    <xf numFmtId="0" fontId="2" fillId="2" borderId="5" xfId="0" applyFont="1" applyFill="1" applyBorder="1" applyAlignment="1">
      <alignment vertical="center"/>
    </xf>
    <xf numFmtId="0" fontId="2" fillId="2" borderId="6" xfId="0" applyFont="1" applyFill="1" applyBorder="1" applyAlignment="1">
      <alignment vertical="center"/>
    </xf>
    <xf numFmtId="0" fontId="17" fillId="2" borderId="7" xfId="0" applyFont="1" applyFill="1" applyBorder="1" applyAlignment="1">
      <alignment horizontal="center" vertical="center"/>
    </xf>
    <xf numFmtId="0" fontId="2" fillId="2" borderId="8" xfId="0" applyFont="1" applyFill="1" applyBorder="1" applyAlignment="1">
      <alignment vertical="center"/>
    </xf>
    <xf numFmtId="49" fontId="4" fillId="0" borderId="0" xfId="0" applyNumberFormat="1" applyFont="1" applyAlignment="1">
      <alignment horizontal="center" vertical="center"/>
    </xf>
    <xf numFmtId="0" fontId="16" fillId="0" borderId="0" xfId="0" applyFont="1" applyAlignment="1">
      <alignment horizontal="center" vertical="center"/>
    </xf>
    <xf numFmtId="0" fontId="22" fillId="0" borderId="0" xfId="0" applyFont="1" applyAlignment="1">
      <alignment vertical="center"/>
    </xf>
    <xf numFmtId="0" fontId="18" fillId="0" borderId="0" xfId="0" applyFont="1" applyAlignment="1">
      <alignment horizontal="center" vertical="center" wrapText="1"/>
    </xf>
    <xf numFmtId="0" fontId="18" fillId="0" borderId="7" xfId="0" applyFont="1" applyBorder="1" applyAlignment="1">
      <alignment horizontal="center" vertical="center" wrapText="1"/>
    </xf>
    <xf numFmtId="182" fontId="25" fillId="0" borderId="0" xfId="0" applyNumberFormat="1" applyFont="1" applyAlignment="1">
      <alignment horizontal="right" shrinkToFit="1"/>
    </xf>
    <xf numFmtId="183" fontId="9" fillId="0" borderId="0" xfId="0" applyNumberFormat="1" applyFont="1" applyAlignment="1">
      <alignment horizontal="right"/>
    </xf>
    <xf numFmtId="0" fontId="18" fillId="0" borderId="1" xfId="0" applyFont="1" applyBorder="1" applyAlignment="1">
      <alignment horizontal="center" vertical="center" textRotation="255"/>
    </xf>
    <xf numFmtId="0" fontId="18" fillId="2" borderId="3" xfId="0" applyFont="1" applyFill="1" applyBorder="1" applyAlignment="1">
      <alignment horizontal="center" vertical="center" textRotation="255"/>
    </xf>
    <xf numFmtId="183" fontId="9" fillId="0" borderId="4" xfId="0" applyNumberFormat="1" applyFont="1" applyBorder="1" applyAlignment="1">
      <alignment horizontal="right"/>
    </xf>
    <xf numFmtId="0" fontId="18" fillId="0" borderId="4" xfId="0" applyFont="1" applyBorder="1" applyAlignment="1">
      <alignment horizontal="center" vertical="center" textRotation="255"/>
    </xf>
    <xf numFmtId="0" fontId="18" fillId="2" borderId="5" xfId="0" applyFont="1" applyFill="1" applyBorder="1" applyAlignment="1">
      <alignment horizontal="center" vertical="center" textRotation="255"/>
    </xf>
    <xf numFmtId="0" fontId="2" fillId="0" borderId="3" xfId="0" applyFont="1" applyBorder="1" applyAlignment="1">
      <alignment vertical="center"/>
    </xf>
    <xf numFmtId="0" fontId="18" fillId="0" borderId="6" xfId="0" applyFont="1" applyBorder="1" applyAlignment="1">
      <alignment horizontal="center" vertical="center" textRotation="255"/>
    </xf>
    <xf numFmtId="0" fontId="18" fillId="2" borderId="8" xfId="0" applyFont="1" applyFill="1" applyBorder="1" applyAlignment="1">
      <alignment horizontal="center" vertical="center" textRotation="255"/>
    </xf>
    <xf numFmtId="0" fontId="2" fillId="0" borderId="5" xfId="0" applyFont="1" applyBorder="1" applyAlignment="1">
      <alignment vertical="center"/>
    </xf>
    <xf numFmtId="0" fontId="2" fillId="0" borderId="114" xfId="0" applyFont="1" applyFill="1" applyBorder="1" applyAlignment="1">
      <alignment vertical="center"/>
    </xf>
    <xf numFmtId="0" fontId="2" fillId="0" borderId="115" xfId="0" applyFont="1" applyFill="1" applyBorder="1" applyAlignment="1">
      <alignment vertical="center"/>
    </xf>
    <xf numFmtId="0" fontId="2" fillId="0" borderId="0" xfId="0" applyFont="1" applyFill="1" applyAlignment="1">
      <alignment vertical="center"/>
    </xf>
    <xf numFmtId="0" fontId="2" fillId="0" borderId="117" xfId="0" applyFont="1" applyFill="1" applyBorder="1" applyAlignment="1">
      <alignment vertical="center"/>
    </xf>
    <xf numFmtId="0" fontId="16" fillId="0" borderId="0" xfId="0" applyFont="1" applyFill="1" applyAlignment="1">
      <alignment vertical="center"/>
    </xf>
    <xf numFmtId="0" fontId="13" fillId="0" borderId="0" xfId="0" applyFont="1" applyFill="1" applyAlignment="1">
      <alignment vertical="center"/>
    </xf>
    <xf numFmtId="0" fontId="24" fillId="0" borderId="0" xfId="0" applyFont="1" applyFill="1" applyAlignment="1">
      <alignment vertical="center"/>
    </xf>
    <xf numFmtId="0" fontId="2" fillId="0" borderId="125" xfId="0" applyFont="1" applyFill="1" applyBorder="1" applyAlignment="1">
      <alignment vertical="center"/>
    </xf>
    <xf numFmtId="0" fontId="2" fillId="0" borderId="126" xfId="0" applyFont="1" applyFill="1" applyBorder="1" applyAlignment="1">
      <alignment vertical="center"/>
    </xf>
    <xf numFmtId="0" fontId="27" fillId="0" borderId="0" xfId="0" applyFont="1" applyAlignment="1">
      <alignment horizontal="left" vertical="center"/>
    </xf>
    <xf numFmtId="0" fontId="5" fillId="0" borderId="0" xfId="0" applyFont="1" applyAlignment="1">
      <alignment horizontal="distributed" justifyLastLine="1"/>
    </xf>
    <xf numFmtId="0" fontId="4" fillId="2" borderId="1" xfId="0" applyFont="1" applyFill="1" applyBorder="1" applyAlignment="1">
      <alignment horizontal="center" vertical="center"/>
    </xf>
    <xf numFmtId="0" fontId="4" fillId="2" borderId="2" xfId="0" applyFont="1" applyFill="1" applyBorder="1" applyAlignment="1">
      <alignment horizontal="center" vertical="center"/>
    </xf>
    <xf numFmtId="0" fontId="4" fillId="2" borderId="4" xfId="0" applyFont="1" applyFill="1" applyBorder="1" applyAlignment="1">
      <alignment horizontal="center" vertical="center"/>
    </xf>
    <xf numFmtId="0" fontId="4" fillId="2" borderId="0" xfId="0" applyFont="1" applyFill="1" applyAlignment="1">
      <alignment horizontal="center" vertical="center"/>
    </xf>
    <xf numFmtId="0" fontId="8" fillId="2" borderId="2" xfId="0" applyFont="1" applyFill="1" applyBorder="1" applyAlignment="1">
      <alignment horizontal="distributed" vertical="center"/>
    </xf>
    <xf numFmtId="0" fontId="8" fillId="2" borderId="0" xfId="0" applyFont="1" applyFill="1" applyAlignment="1">
      <alignment horizontal="distributed" vertical="center"/>
    </xf>
    <xf numFmtId="0" fontId="4" fillId="2" borderId="3" xfId="0" applyFont="1" applyFill="1" applyBorder="1" applyAlignment="1">
      <alignment horizontal="center" vertical="center"/>
    </xf>
    <xf numFmtId="0" fontId="4" fillId="2" borderId="5" xfId="0" applyFont="1" applyFill="1" applyBorder="1" applyAlignment="1">
      <alignment horizontal="center" vertical="center"/>
    </xf>
    <xf numFmtId="177" fontId="7" fillId="0" borderId="1" xfId="0" applyNumberFormat="1" applyFont="1" applyBorder="1" applyAlignment="1">
      <alignment horizontal="center" vertical="distributed"/>
    </xf>
    <xf numFmtId="177" fontId="7" fillId="0" borderId="2" xfId="0" applyNumberFormat="1" applyFont="1" applyBorder="1" applyAlignment="1">
      <alignment horizontal="center" vertical="distributed"/>
    </xf>
    <xf numFmtId="177" fontId="7" fillId="0" borderId="3" xfId="0" applyNumberFormat="1" applyFont="1" applyBorder="1" applyAlignment="1">
      <alignment horizontal="center" vertical="distributed"/>
    </xf>
    <xf numFmtId="177" fontId="7" fillId="0" borderId="4" xfId="0" applyNumberFormat="1" applyFont="1" applyBorder="1" applyAlignment="1">
      <alignment horizontal="center" vertical="distributed"/>
    </xf>
    <xf numFmtId="177" fontId="7" fillId="0" borderId="0" xfId="0" applyNumberFormat="1" applyFont="1" applyAlignment="1">
      <alignment horizontal="center" vertical="distributed"/>
    </xf>
    <xf numFmtId="177" fontId="7" fillId="0" borderId="5" xfId="0" applyNumberFormat="1" applyFont="1" applyBorder="1" applyAlignment="1">
      <alignment horizontal="center" vertical="distributed"/>
    </xf>
    <xf numFmtId="177" fontId="7" fillId="0" borderId="6" xfId="0" applyNumberFormat="1" applyFont="1" applyBorder="1" applyAlignment="1">
      <alignment horizontal="center" vertical="distributed"/>
    </xf>
    <xf numFmtId="177" fontId="7" fillId="0" borderId="7" xfId="0" applyNumberFormat="1" applyFont="1" applyBorder="1" applyAlignment="1">
      <alignment horizontal="center" vertical="distributed"/>
    </xf>
    <xf numFmtId="177" fontId="7" fillId="0" borderId="8" xfId="0" applyNumberFormat="1" applyFont="1" applyBorder="1" applyAlignment="1">
      <alignment horizontal="center" vertical="distributed"/>
    </xf>
    <xf numFmtId="0" fontId="8" fillId="0" borderId="2" xfId="0" applyFont="1" applyBorder="1" applyAlignment="1">
      <alignment horizontal="distributed"/>
    </xf>
    <xf numFmtId="0" fontId="8" fillId="0" borderId="0" xfId="0" applyFont="1" applyAlignment="1">
      <alignment horizontal="distributed"/>
    </xf>
    <xf numFmtId="0" fontId="4" fillId="0" borderId="2" xfId="0" applyFont="1" applyBorder="1" applyAlignment="1">
      <alignment horizontal="left" shrinkToFit="1"/>
    </xf>
    <xf numFmtId="0" fontId="4" fillId="0" borderId="0" xfId="0" applyFont="1" applyAlignment="1">
      <alignment horizontal="left" shrinkToFit="1"/>
    </xf>
    <xf numFmtId="0" fontId="10" fillId="0" borderId="0" xfId="0" applyFont="1" applyAlignment="1">
      <alignment horizontal="center" justifyLastLine="1"/>
    </xf>
    <xf numFmtId="0" fontId="4" fillId="2" borderId="6" xfId="0" applyFont="1" applyFill="1" applyBorder="1" applyAlignment="1">
      <alignment horizontal="center" vertical="center"/>
    </xf>
    <xf numFmtId="0" fontId="8" fillId="2" borderId="2" xfId="0" applyFont="1" applyFill="1" applyBorder="1" applyAlignment="1">
      <alignment horizontal="distributed" vertical="center" justifyLastLine="1"/>
    </xf>
    <xf numFmtId="0" fontId="8" fillId="2" borderId="0" xfId="0" applyFont="1" applyFill="1" applyAlignment="1">
      <alignment horizontal="distributed" vertical="center" justifyLastLine="1"/>
    </xf>
    <xf numFmtId="0" fontId="8" fillId="2" borderId="7" xfId="0" applyFont="1" applyFill="1" applyBorder="1" applyAlignment="1">
      <alignment horizontal="distributed" vertical="center" justifyLastLine="1"/>
    </xf>
    <xf numFmtId="0" fontId="4" fillId="2" borderId="8" xfId="0" applyFont="1" applyFill="1" applyBorder="1" applyAlignment="1">
      <alignment horizontal="center" vertical="center"/>
    </xf>
    <xf numFmtId="0" fontId="8" fillId="0" borderId="1" xfId="0" applyFont="1" applyBorder="1" applyAlignment="1">
      <alignment horizontal="right" vertical="center"/>
    </xf>
    <xf numFmtId="0" fontId="8" fillId="0" borderId="2" xfId="0" applyFont="1" applyBorder="1" applyAlignment="1">
      <alignment horizontal="right" vertical="center"/>
    </xf>
    <xf numFmtId="0" fontId="8" fillId="0" borderId="4" xfId="0" applyFont="1" applyBorder="1" applyAlignment="1">
      <alignment horizontal="right" vertical="center"/>
    </xf>
    <xf numFmtId="0" fontId="8" fillId="0" borderId="0" xfId="0" applyFont="1" applyAlignment="1">
      <alignment horizontal="right" vertical="center"/>
    </xf>
    <xf numFmtId="0" fontId="8" fillId="0" borderId="6" xfId="0" applyFont="1" applyBorder="1" applyAlignment="1">
      <alignment horizontal="right" vertical="center"/>
    </xf>
    <xf numFmtId="0" fontId="8" fillId="0" borderId="7" xfId="0" applyFont="1" applyBorder="1" applyAlignment="1">
      <alignment horizontal="right" vertical="center"/>
    </xf>
    <xf numFmtId="0" fontId="9" fillId="0" borderId="2" xfId="0" applyFont="1" applyBorder="1" applyAlignment="1">
      <alignment horizontal="center" vertical="center"/>
    </xf>
    <xf numFmtId="0" fontId="9" fillId="0" borderId="0" xfId="0" applyFont="1" applyAlignment="1">
      <alignment horizontal="center" vertical="center"/>
    </xf>
    <xf numFmtId="0" fontId="9" fillId="0" borderId="7" xfId="0" applyFont="1" applyBorder="1" applyAlignment="1">
      <alignment horizontal="center" vertical="center"/>
    </xf>
    <xf numFmtId="0" fontId="8" fillId="0" borderId="2"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2" fillId="0" borderId="3" xfId="0" applyFont="1" applyBorder="1" applyAlignment="1">
      <alignment horizontal="center" vertical="center"/>
    </xf>
    <xf numFmtId="0" fontId="2" fillId="0" borderId="5" xfId="0" applyFont="1" applyBorder="1" applyAlignment="1">
      <alignment horizontal="center" vertical="center"/>
    </xf>
    <xf numFmtId="0" fontId="2" fillId="0" borderId="8" xfId="0" applyFont="1" applyBorder="1" applyAlignment="1">
      <alignment horizontal="center" vertical="center"/>
    </xf>
    <xf numFmtId="0" fontId="8" fillId="2" borderId="3" xfId="0" applyFont="1" applyFill="1" applyBorder="1" applyAlignment="1">
      <alignment horizontal="distributed" vertical="center" wrapText="1" justifyLastLine="1"/>
    </xf>
    <xf numFmtId="0" fontId="8" fillId="2" borderId="9" xfId="0" applyFont="1" applyFill="1" applyBorder="1" applyAlignment="1">
      <alignment horizontal="distributed" vertical="center" justifyLastLine="1"/>
    </xf>
    <xf numFmtId="0" fontId="8" fillId="2" borderId="1" xfId="0" applyFont="1" applyFill="1" applyBorder="1" applyAlignment="1">
      <alignment horizontal="distributed" vertical="center" justifyLastLine="1"/>
    </xf>
    <xf numFmtId="0" fontId="8" fillId="2" borderId="5" xfId="0" applyFont="1" applyFill="1" applyBorder="1" applyAlignment="1">
      <alignment horizontal="distributed" vertical="center" wrapText="1" justifyLastLine="1"/>
    </xf>
    <xf numFmtId="0" fontId="8" fillId="2" borderId="10" xfId="0" applyFont="1" applyFill="1" applyBorder="1" applyAlignment="1">
      <alignment horizontal="distributed" vertical="center" justifyLastLine="1"/>
    </xf>
    <xf numFmtId="0" fontId="8" fillId="2" borderId="4" xfId="0" applyFont="1" applyFill="1" applyBorder="1" applyAlignment="1">
      <alignment horizontal="distributed" vertical="center" justifyLastLine="1"/>
    </xf>
    <xf numFmtId="0" fontId="8" fillId="2" borderId="8" xfId="0" applyFont="1" applyFill="1" applyBorder="1" applyAlignment="1">
      <alignment horizontal="distributed" vertical="center" justifyLastLine="1"/>
    </xf>
    <xf numFmtId="0" fontId="8" fillId="2" borderId="11" xfId="0" applyFont="1" applyFill="1" applyBorder="1" applyAlignment="1">
      <alignment horizontal="distributed" vertical="center" justifyLastLine="1"/>
    </xf>
    <xf numFmtId="0" fontId="8" fillId="2" borderId="6" xfId="0" applyFont="1" applyFill="1" applyBorder="1" applyAlignment="1">
      <alignment horizontal="distributed" vertical="center" justifyLastLine="1"/>
    </xf>
    <xf numFmtId="49" fontId="4" fillId="0" borderId="0" xfId="0" applyNumberFormat="1" applyFont="1" applyAlignment="1">
      <alignment horizontal="distributed" vertical="center" justifyLastLine="1"/>
    </xf>
    <xf numFmtId="49" fontId="4" fillId="0" borderId="7" xfId="0" applyNumberFormat="1" applyFont="1" applyBorder="1" applyAlignment="1">
      <alignment horizontal="distributed" vertical="center" justifyLastLine="1"/>
    </xf>
    <xf numFmtId="0" fontId="4" fillId="0" borderId="0" xfId="0" applyFont="1" applyAlignment="1">
      <alignment horizontal="center" vertical="center"/>
    </xf>
    <xf numFmtId="0" fontId="4" fillId="0" borderId="7" xfId="0" applyFont="1" applyBorder="1" applyAlignment="1">
      <alignment horizontal="center" vertical="center"/>
    </xf>
    <xf numFmtId="49" fontId="9" fillId="0" borderId="0" xfId="0" applyNumberFormat="1" applyFont="1" applyAlignment="1">
      <alignment horizontal="distributed" vertical="center" justifyLastLine="1"/>
    </xf>
    <xf numFmtId="49" fontId="9" fillId="0" borderId="7" xfId="0" applyNumberFormat="1" applyFont="1" applyBorder="1" applyAlignment="1">
      <alignment horizontal="distributed" vertical="center" justifyLastLine="1"/>
    </xf>
    <xf numFmtId="0" fontId="0" fillId="0" borderId="0" xfId="0" applyAlignment="1">
      <alignment horizontal="left" shrinkToFit="1"/>
    </xf>
    <xf numFmtId="0" fontId="9" fillId="0" borderId="0" xfId="0" applyFont="1" applyAlignment="1">
      <alignment horizontal="left" shrinkToFit="1"/>
    </xf>
    <xf numFmtId="0" fontId="2" fillId="2" borderId="3" xfId="0" applyFont="1" applyFill="1" applyBorder="1" applyAlignment="1">
      <alignment horizontal="center" vertical="center"/>
    </xf>
    <xf numFmtId="0" fontId="2" fillId="2" borderId="5" xfId="0" applyFont="1" applyFill="1" applyBorder="1" applyAlignment="1">
      <alignment horizontal="center" vertical="center"/>
    </xf>
    <xf numFmtId="0" fontId="8" fillId="2" borderId="2" xfId="0" applyFont="1" applyFill="1" applyBorder="1" applyAlignment="1">
      <alignment horizontal="center" vertical="center"/>
    </xf>
    <xf numFmtId="0" fontId="8" fillId="2" borderId="0" xfId="0" applyFont="1" applyFill="1" applyAlignment="1">
      <alignment horizontal="center" vertical="center"/>
    </xf>
    <xf numFmtId="0" fontId="8" fillId="2" borderId="7" xfId="0" applyFont="1" applyFill="1" applyBorder="1" applyAlignment="1">
      <alignment horizontal="center" vertical="center"/>
    </xf>
    <xf numFmtId="0" fontId="15" fillId="2" borderId="2" xfId="0" applyFont="1" applyFill="1" applyBorder="1" applyAlignment="1">
      <alignment horizontal="distributed" vertical="center"/>
    </xf>
    <xf numFmtId="0" fontId="15" fillId="2" borderId="7" xfId="0" applyFont="1" applyFill="1" applyBorder="1" applyAlignment="1">
      <alignment horizontal="distributed" vertical="center"/>
    </xf>
    <xf numFmtId="0" fontId="12" fillId="0" borderId="0" xfId="0" applyFont="1" applyAlignment="1">
      <alignment horizontal="center"/>
    </xf>
    <xf numFmtId="0" fontId="8" fillId="2" borderId="2" xfId="0" applyFont="1" applyFill="1" applyBorder="1" applyAlignment="1">
      <alignment horizontal="distributed" vertical="center" wrapText="1" justifyLastLine="1"/>
    </xf>
    <xf numFmtId="0" fontId="8" fillId="2" borderId="0" xfId="0" applyFont="1" applyFill="1" applyAlignment="1">
      <alignment horizontal="distributed" vertical="center" wrapText="1" justifyLastLine="1"/>
    </xf>
    <xf numFmtId="0" fontId="8" fillId="0" borderId="1" xfId="0" applyFont="1" applyBorder="1" applyAlignment="1">
      <alignment horizontal="right"/>
    </xf>
    <xf numFmtId="0" fontId="8" fillId="0" borderId="2" xfId="0" applyFont="1" applyBorder="1" applyAlignment="1">
      <alignment horizontal="right"/>
    </xf>
    <xf numFmtId="0" fontId="8" fillId="0" borderId="3" xfId="0" applyFont="1" applyBorder="1" applyAlignment="1">
      <alignment horizontal="right"/>
    </xf>
    <xf numFmtId="0" fontId="8" fillId="0" borderId="4" xfId="0" applyFont="1" applyBorder="1" applyAlignment="1">
      <alignment horizontal="right"/>
    </xf>
    <xf numFmtId="0" fontId="8" fillId="0" borderId="0" xfId="0" applyFont="1" applyAlignment="1">
      <alignment horizontal="right"/>
    </xf>
    <xf numFmtId="0" fontId="8" fillId="0" borderId="5" xfId="0" applyFont="1" applyBorder="1" applyAlignment="1">
      <alignment horizontal="right"/>
    </xf>
    <xf numFmtId="0" fontId="8" fillId="2" borderId="7" xfId="0" applyFont="1" applyFill="1" applyBorder="1" applyAlignment="1">
      <alignment horizontal="distributed" vertical="center" wrapText="1" justifyLastLine="1"/>
    </xf>
    <xf numFmtId="178" fontId="9" fillId="0" borderId="1" xfId="0" applyNumberFormat="1" applyFont="1" applyBorder="1" applyAlignment="1">
      <alignment horizontal="center" vertical="center"/>
    </xf>
    <xf numFmtId="178" fontId="9" fillId="0" borderId="2" xfId="0" applyNumberFormat="1" applyFont="1" applyBorder="1" applyAlignment="1">
      <alignment horizontal="center" vertical="center"/>
    </xf>
    <xf numFmtId="178" fontId="9" fillId="0" borderId="3" xfId="0" applyNumberFormat="1" applyFont="1" applyBorder="1" applyAlignment="1">
      <alignment horizontal="center" vertical="center"/>
    </xf>
    <xf numFmtId="178" fontId="9" fillId="0" borderId="4" xfId="0" applyNumberFormat="1" applyFont="1" applyBorder="1" applyAlignment="1">
      <alignment horizontal="center" vertical="center"/>
    </xf>
    <xf numFmtId="178" fontId="9" fillId="0" borderId="0" xfId="0" applyNumberFormat="1" applyFont="1" applyAlignment="1">
      <alignment horizontal="center" vertical="center"/>
    </xf>
    <xf numFmtId="178" fontId="9" fillId="0" borderId="5" xfId="0" applyNumberFormat="1" applyFont="1" applyBorder="1" applyAlignment="1">
      <alignment horizontal="center" vertical="center"/>
    </xf>
    <xf numFmtId="178" fontId="9" fillId="0" borderId="6" xfId="0" applyNumberFormat="1" applyFont="1" applyBorder="1" applyAlignment="1">
      <alignment horizontal="center" vertical="center"/>
    </xf>
    <xf numFmtId="178" fontId="9" fillId="0" borderId="7" xfId="0" applyNumberFormat="1" applyFont="1" applyBorder="1" applyAlignment="1">
      <alignment horizontal="center" vertical="center"/>
    </xf>
    <xf numFmtId="178" fontId="9" fillId="0" borderId="8" xfId="0" applyNumberFormat="1" applyFont="1" applyBorder="1" applyAlignment="1">
      <alignment horizontal="center" vertical="center"/>
    </xf>
    <xf numFmtId="0" fontId="8" fillId="2" borderId="3" xfId="0" applyFont="1" applyFill="1" applyBorder="1" applyAlignment="1">
      <alignment horizontal="distributed" vertical="center" justifyLastLine="1"/>
    </xf>
    <xf numFmtId="0" fontId="8" fillId="2" borderId="5" xfId="0" applyFont="1" applyFill="1" applyBorder="1" applyAlignment="1">
      <alignment horizontal="distributed" vertical="center" justifyLastLine="1"/>
    </xf>
    <xf numFmtId="0" fontId="2" fillId="0" borderId="1" xfId="0" applyFont="1" applyBorder="1" applyAlignment="1">
      <alignment horizontal="center" vertical="center"/>
    </xf>
    <xf numFmtId="0" fontId="2" fillId="0" borderId="4" xfId="0" applyFont="1" applyBorder="1" applyAlignment="1">
      <alignment horizontal="center" vertical="center"/>
    </xf>
    <xf numFmtId="0" fontId="2" fillId="0" borderId="6" xfId="0" applyFont="1" applyBorder="1" applyAlignment="1">
      <alignment horizontal="center" vertical="center"/>
    </xf>
    <xf numFmtId="0" fontId="4" fillId="0" borderId="2" xfId="0" applyFont="1" applyBorder="1" applyAlignment="1">
      <alignment horizontal="distributed" vertical="center" justifyLastLine="1"/>
    </xf>
    <xf numFmtId="0" fontId="4" fillId="0" borderId="0" xfId="0" applyFont="1" applyAlignment="1">
      <alignment horizontal="distributed" vertical="center" justifyLastLine="1"/>
    </xf>
    <xf numFmtId="0" fontId="4" fillId="0" borderId="7" xfId="0" applyFont="1" applyBorder="1" applyAlignment="1">
      <alignment horizontal="distributed" vertical="center" justifyLastLine="1"/>
    </xf>
    <xf numFmtId="0" fontId="8" fillId="0" borderId="3" xfId="0" applyFont="1" applyBorder="1" applyAlignment="1">
      <alignment horizontal="center" vertical="center"/>
    </xf>
    <xf numFmtId="0" fontId="8" fillId="0" borderId="5" xfId="0" applyFont="1" applyBorder="1" applyAlignment="1">
      <alignment horizontal="center" vertical="center"/>
    </xf>
    <xf numFmtId="0" fontId="8" fillId="0" borderId="8" xfId="0" applyFont="1" applyBorder="1" applyAlignment="1">
      <alignment horizontal="center" vertical="center"/>
    </xf>
    <xf numFmtId="0" fontId="4" fillId="0" borderId="2" xfId="0" applyFont="1" applyBorder="1" applyAlignment="1">
      <alignment horizontal="center" vertical="center"/>
    </xf>
    <xf numFmtId="0" fontId="4" fillId="0" borderId="2" xfId="0" applyFont="1" applyBorder="1" applyAlignment="1">
      <alignment horizontal="left" vertical="center" shrinkToFit="1"/>
    </xf>
    <xf numFmtId="0" fontId="4" fillId="0" borderId="0" xfId="0" applyFont="1" applyAlignment="1">
      <alignment horizontal="left" vertical="center" shrinkToFit="1"/>
    </xf>
    <xf numFmtId="0" fontId="4" fillId="0" borderId="7" xfId="0" applyFont="1" applyBorder="1" applyAlignment="1">
      <alignment horizontal="left" vertical="center" shrinkToFit="1"/>
    </xf>
    <xf numFmtId="0" fontId="4" fillId="0" borderId="3" xfId="0" applyFont="1" applyBorder="1" applyAlignment="1">
      <alignment horizontal="center" vertical="center"/>
    </xf>
    <xf numFmtId="0" fontId="4" fillId="0" borderId="5" xfId="0" applyFont="1" applyBorder="1" applyAlignment="1">
      <alignment horizontal="center" vertical="center"/>
    </xf>
    <xf numFmtId="0" fontId="4" fillId="0" borderId="8" xfId="0" applyFont="1" applyBorder="1" applyAlignment="1">
      <alignment horizontal="center" vertical="center"/>
    </xf>
    <xf numFmtId="179" fontId="14" fillId="0" borderId="4" xfId="0" applyNumberFormat="1" applyFont="1" applyBorder="1" applyAlignment="1">
      <alignment horizontal="right" vertical="center" shrinkToFit="1"/>
    </xf>
    <xf numFmtId="179" fontId="14" fillId="0" borderId="0" xfId="0" applyNumberFormat="1" applyFont="1" applyAlignment="1">
      <alignment horizontal="right" vertical="center" shrinkToFit="1"/>
    </xf>
    <xf numFmtId="179" fontId="14" fillId="0" borderId="5" xfId="0" applyNumberFormat="1" applyFont="1" applyBorder="1" applyAlignment="1">
      <alignment horizontal="right" vertical="center" shrinkToFit="1"/>
    </xf>
    <xf numFmtId="179" fontId="14" fillId="0" borderId="6" xfId="0" applyNumberFormat="1" applyFont="1" applyBorder="1" applyAlignment="1">
      <alignment horizontal="right" vertical="center" shrinkToFit="1"/>
    </xf>
    <xf numFmtId="179" fontId="14" fillId="0" borderId="7" xfId="0" applyNumberFormat="1" applyFont="1" applyBorder="1" applyAlignment="1">
      <alignment horizontal="right" vertical="center" shrinkToFit="1"/>
    </xf>
    <xf numFmtId="179" fontId="14" fillId="0" borderId="8" xfId="0" applyNumberFormat="1" applyFont="1" applyBorder="1" applyAlignment="1">
      <alignment horizontal="right" vertical="center" shrinkToFit="1"/>
    </xf>
    <xf numFmtId="0" fontId="8" fillId="0" borderId="0" xfId="0" applyFont="1" applyAlignment="1">
      <alignment horizontal="distributed" vertical="center"/>
    </xf>
    <xf numFmtId="0" fontId="8" fillId="0" borderId="7" xfId="0" applyFont="1" applyBorder="1" applyAlignment="1">
      <alignment horizontal="distributed" vertical="center"/>
    </xf>
    <xf numFmtId="0" fontId="8" fillId="2" borderId="1" xfId="0" applyFont="1" applyFill="1" applyBorder="1" applyAlignment="1">
      <alignment horizontal="center" vertical="center"/>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5" xfId="0" applyFont="1" applyFill="1" applyBorder="1" applyAlignment="1">
      <alignment horizontal="center" vertical="center"/>
    </xf>
    <xf numFmtId="0" fontId="8" fillId="2" borderId="6" xfId="0" applyFont="1" applyFill="1" applyBorder="1" applyAlignment="1">
      <alignment horizontal="center" vertical="center"/>
    </xf>
    <xf numFmtId="0" fontId="8" fillId="2" borderId="8" xfId="0" applyFont="1" applyFill="1" applyBorder="1" applyAlignment="1">
      <alignment horizontal="center" vertical="center"/>
    </xf>
    <xf numFmtId="0" fontId="15" fillId="0" borderId="0" xfId="0" applyFont="1" applyAlignment="1">
      <alignment horizontal="left"/>
    </xf>
    <xf numFmtId="0" fontId="15" fillId="0" borderId="7" xfId="0" applyFont="1" applyBorder="1" applyAlignment="1">
      <alignment horizontal="left"/>
    </xf>
    <xf numFmtId="0" fontId="17" fillId="0" borderId="1" xfId="0" applyFont="1" applyBorder="1" applyAlignment="1">
      <alignment horizontal="left" vertical="center"/>
    </xf>
    <xf numFmtId="0" fontId="17" fillId="0" borderId="2" xfId="0" applyFont="1" applyBorder="1" applyAlignment="1">
      <alignment horizontal="left" vertical="center"/>
    </xf>
    <xf numFmtId="0" fontId="17" fillId="0" borderId="3" xfId="0" applyFont="1" applyBorder="1" applyAlignment="1">
      <alignment horizontal="left" vertical="center"/>
    </xf>
    <xf numFmtId="0" fontId="17" fillId="0" borderId="4" xfId="0" applyFont="1" applyBorder="1" applyAlignment="1">
      <alignment horizontal="left" vertical="center"/>
    </xf>
    <xf numFmtId="0" fontId="17" fillId="0" borderId="0" xfId="0" applyFont="1" applyAlignment="1">
      <alignment horizontal="left" vertical="center"/>
    </xf>
    <xf numFmtId="0" fontId="17" fillId="0" borderId="5" xfId="0" applyFont="1" applyBorder="1" applyAlignment="1">
      <alignment horizontal="left" vertical="center"/>
    </xf>
    <xf numFmtId="0" fontId="17" fillId="2" borderId="0" xfId="0" applyFont="1" applyFill="1" applyAlignment="1">
      <alignment horizontal="center" vertical="center"/>
    </xf>
    <xf numFmtId="179" fontId="0" fillId="0" borderId="4" xfId="0" applyNumberFormat="1" applyBorder="1" applyAlignment="1">
      <alignment horizontal="right" vertical="center" shrinkToFit="1"/>
    </xf>
    <xf numFmtId="179" fontId="0" fillId="0" borderId="0" xfId="0" applyNumberFormat="1" applyAlignment="1">
      <alignment horizontal="right" vertical="center" shrinkToFit="1"/>
    </xf>
    <xf numFmtId="179" fontId="0" fillId="0" borderId="5" xfId="0" applyNumberFormat="1" applyBorder="1" applyAlignment="1">
      <alignment horizontal="right" vertical="center" shrinkToFit="1"/>
    </xf>
    <xf numFmtId="179" fontId="0" fillId="0" borderId="6" xfId="0" applyNumberFormat="1" applyBorder="1" applyAlignment="1">
      <alignment horizontal="right" vertical="center" shrinkToFit="1"/>
    </xf>
    <xf numFmtId="179" fontId="0" fillId="0" borderId="7" xfId="0" applyNumberFormat="1" applyBorder="1" applyAlignment="1">
      <alignment horizontal="right" vertical="center" shrinkToFit="1"/>
    </xf>
    <xf numFmtId="179" fontId="0" fillId="0" borderId="8" xfId="0" applyNumberFormat="1" applyBorder="1" applyAlignment="1">
      <alignment horizontal="right" vertical="center" shrinkToFit="1"/>
    </xf>
    <xf numFmtId="180" fontId="0" fillId="0" borderId="4" xfId="0" applyNumberFormat="1" applyBorder="1" applyAlignment="1">
      <alignment horizontal="right" vertical="center" shrinkToFit="1"/>
    </xf>
    <xf numFmtId="180" fontId="0" fillId="0" borderId="0" xfId="0" applyNumberFormat="1" applyAlignment="1">
      <alignment horizontal="right" vertical="center" shrinkToFit="1"/>
    </xf>
    <xf numFmtId="180" fontId="0" fillId="0" borderId="5" xfId="0" applyNumberFormat="1" applyBorder="1" applyAlignment="1">
      <alignment horizontal="right" vertical="center" shrinkToFit="1"/>
    </xf>
    <xf numFmtId="180" fontId="0" fillId="0" borderId="6" xfId="0" applyNumberFormat="1" applyBorder="1" applyAlignment="1">
      <alignment horizontal="right" vertical="center" shrinkToFit="1"/>
    </xf>
    <xf numFmtId="180" fontId="0" fillId="0" borderId="7" xfId="0" applyNumberFormat="1" applyBorder="1" applyAlignment="1">
      <alignment horizontal="right" vertical="center" shrinkToFit="1"/>
    </xf>
    <xf numFmtId="180" fontId="0" fillId="0" borderId="8" xfId="0" applyNumberFormat="1" applyBorder="1" applyAlignment="1">
      <alignment horizontal="right" vertical="center" shrinkToFit="1"/>
    </xf>
    <xf numFmtId="0" fontId="8" fillId="2" borderId="0" xfId="0" applyFont="1" applyFill="1" applyAlignment="1">
      <alignment horizontal="distributed" wrapText="1"/>
    </xf>
    <xf numFmtId="0" fontId="2" fillId="0" borderId="2" xfId="0" applyFont="1" applyBorder="1" applyAlignment="1">
      <alignment horizontal="center" vertical="center"/>
    </xf>
    <xf numFmtId="0" fontId="2" fillId="0" borderId="0" xfId="0" applyFont="1" applyAlignment="1">
      <alignment horizontal="center" vertical="center"/>
    </xf>
    <xf numFmtId="0" fontId="2" fillId="0" borderId="7" xfId="0" applyFont="1" applyBorder="1" applyAlignment="1">
      <alignment horizontal="center" vertical="center"/>
    </xf>
    <xf numFmtId="0" fontId="7" fillId="0" borderId="1" xfId="0" quotePrefix="1" applyFont="1" applyBorder="1" applyAlignment="1">
      <alignment horizontal="center" vertical="center"/>
    </xf>
    <xf numFmtId="0" fontId="7" fillId="0" borderId="2" xfId="0" applyFont="1" applyBorder="1" applyAlignment="1">
      <alignment horizontal="center" vertical="center"/>
    </xf>
    <xf numFmtId="0" fontId="7" fillId="0" borderId="3" xfId="0" applyFont="1" applyBorder="1" applyAlignment="1">
      <alignment horizontal="center" vertical="center"/>
    </xf>
    <xf numFmtId="0" fontId="7" fillId="0" borderId="4" xfId="0" applyFont="1" applyBorder="1" applyAlignment="1">
      <alignment horizontal="center" vertical="center"/>
    </xf>
    <xf numFmtId="0" fontId="7" fillId="0" borderId="0" xfId="0" applyFont="1" applyAlignment="1">
      <alignment horizontal="center" vertical="center"/>
    </xf>
    <xf numFmtId="0" fontId="7" fillId="0" borderId="5" xfId="0" applyFont="1" applyBorder="1" applyAlignment="1">
      <alignment horizontal="center" vertical="center"/>
    </xf>
    <xf numFmtId="0" fontId="7" fillId="0" borderId="6" xfId="0" applyFont="1" applyBorder="1" applyAlignment="1">
      <alignment horizontal="center"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0" fillId="0" borderId="12" xfId="0" applyBorder="1" applyAlignment="1">
      <alignment horizontal="center"/>
    </xf>
    <xf numFmtId="0" fontId="4" fillId="0" borderId="13" xfId="0" applyFont="1" applyBorder="1" applyAlignment="1">
      <alignment horizontal="center"/>
    </xf>
    <xf numFmtId="0" fontId="4" fillId="0" borderId="14" xfId="0" applyFont="1" applyBorder="1" applyAlignment="1">
      <alignment horizontal="left" shrinkToFit="1"/>
    </xf>
    <xf numFmtId="0" fontId="4" fillId="0" borderId="12" xfId="0" applyFont="1" applyBorder="1" applyAlignment="1">
      <alignment horizontal="left" shrinkToFit="1"/>
    </xf>
    <xf numFmtId="0" fontId="4" fillId="0" borderId="13" xfId="0" applyFont="1" applyBorder="1" applyAlignment="1">
      <alignment horizontal="left" shrinkToFit="1"/>
    </xf>
    <xf numFmtId="0" fontId="4" fillId="0" borderId="14" xfId="0" applyFont="1" applyBorder="1" applyAlignment="1">
      <alignment horizontal="center" shrinkToFit="1"/>
    </xf>
    <xf numFmtId="179" fontId="0" fillId="0" borderId="12" xfId="0" applyNumberFormat="1" applyBorder="1" applyAlignment="1">
      <alignment horizontal="right" shrinkToFit="1"/>
    </xf>
    <xf numFmtId="0" fontId="18" fillId="2" borderId="12" xfId="0" applyFont="1" applyFill="1" applyBorder="1" applyAlignment="1">
      <alignment horizontal="center" vertical="center"/>
    </xf>
    <xf numFmtId="181" fontId="0" fillId="0" borderId="12" xfId="0" applyNumberFormat="1" applyBorder="1" applyAlignment="1">
      <alignment horizontal="right" shrinkToFit="1"/>
    </xf>
    <xf numFmtId="179" fontId="0" fillId="0" borderId="1" xfId="0" applyNumberFormat="1" applyBorder="1" applyAlignment="1">
      <alignment horizontal="center" shrinkToFit="1"/>
    </xf>
    <xf numFmtId="179" fontId="0" fillId="0" borderId="2" xfId="0" applyNumberFormat="1" applyBorder="1" applyAlignment="1">
      <alignment horizontal="center" shrinkToFit="1"/>
    </xf>
    <xf numFmtId="179" fontId="0" fillId="0" borderId="3" xfId="0" applyNumberFormat="1" applyBorder="1" applyAlignment="1">
      <alignment horizontal="center" shrinkToFit="1"/>
    </xf>
    <xf numFmtId="179" fontId="0" fillId="0" borderId="4" xfId="0" applyNumberFormat="1" applyBorder="1" applyAlignment="1">
      <alignment horizontal="center" shrinkToFit="1"/>
    </xf>
    <xf numFmtId="179" fontId="0" fillId="0" borderId="0" xfId="0" applyNumberFormat="1" applyAlignment="1">
      <alignment horizontal="center" shrinkToFit="1"/>
    </xf>
    <xf numFmtId="179" fontId="0" fillId="0" borderId="5" xfId="0" applyNumberFormat="1" applyBorder="1" applyAlignment="1">
      <alignment horizontal="center" shrinkToFit="1"/>
    </xf>
    <xf numFmtId="179" fontId="0" fillId="0" borderId="6" xfId="0" applyNumberFormat="1" applyBorder="1" applyAlignment="1">
      <alignment horizontal="center" shrinkToFit="1"/>
    </xf>
    <xf numFmtId="179" fontId="0" fillId="0" borderId="7" xfId="0" applyNumberFormat="1" applyBorder="1" applyAlignment="1">
      <alignment horizontal="center" shrinkToFit="1"/>
    </xf>
    <xf numFmtId="179" fontId="0" fillId="0" borderId="8" xfId="0" applyNumberFormat="1" applyBorder="1" applyAlignment="1">
      <alignment horizontal="center" shrinkToFit="1"/>
    </xf>
    <xf numFmtId="179" fontId="20" fillId="0" borderId="1" xfId="0" applyNumberFormat="1" applyFont="1" applyBorder="1" applyAlignment="1">
      <alignment horizontal="center" shrinkToFit="1"/>
    </xf>
    <xf numFmtId="179" fontId="20" fillId="0" borderId="2" xfId="0" applyNumberFormat="1" applyFont="1" applyBorder="1" applyAlignment="1">
      <alignment horizontal="center" shrinkToFit="1"/>
    </xf>
    <xf numFmtId="179" fontId="20" fillId="0" borderId="3" xfId="0" applyNumberFormat="1" applyFont="1" applyBorder="1" applyAlignment="1">
      <alignment horizontal="center" shrinkToFit="1"/>
    </xf>
    <xf numFmtId="179" fontId="20" fillId="0" borderId="4" xfId="0" applyNumberFormat="1" applyFont="1" applyBorder="1" applyAlignment="1">
      <alignment horizontal="center" shrinkToFit="1"/>
    </xf>
    <xf numFmtId="179" fontId="20" fillId="0" borderId="0" xfId="0" applyNumberFormat="1" applyFont="1" applyAlignment="1">
      <alignment horizontal="center" shrinkToFit="1"/>
    </xf>
    <xf numFmtId="179" fontId="20" fillId="0" borderId="5" xfId="0" applyNumberFormat="1" applyFont="1" applyBorder="1" applyAlignment="1">
      <alignment horizontal="center" shrinkToFit="1"/>
    </xf>
    <xf numFmtId="179" fontId="20" fillId="0" borderId="6" xfId="0" applyNumberFormat="1" applyFont="1" applyBorder="1" applyAlignment="1">
      <alignment horizontal="center" shrinkToFit="1"/>
    </xf>
    <xf numFmtId="179" fontId="20" fillId="0" borderId="7" xfId="0" applyNumberFormat="1" applyFont="1" applyBorder="1" applyAlignment="1">
      <alignment horizontal="center" shrinkToFit="1"/>
    </xf>
    <xf numFmtId="179" fontId="20" fillId="0" borderId="8" xfId="0" applyNumberFormat="1" applyFont="1" applyBorder="1" applyAlignment="1">
      <alignment horizontal="center" shrinkToFit="1"/>
    </xf>
    <xf numFmtId="179" fontId="21" fillId="0" borderId="12" xfId="0" applyNumberFormat="1" applyFont="1" applyBorder="1" applyAlignment="1">
      <alignment horizontal="right" shrinkToFit="1"/>
    </xf>
    <xf numFmtId="0" fontId="18" fillId="2" borderId="1" xfId="0" applyFont="1" applyFill="1" applyBorder="1" applyAlignment="1">
      <alignment horizontal="center"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0" xfId="0" applyFont="1" applyFill="1" applyAlignment="1">
      <alignment horizontal="center" vertical="center"/>
    </xf>
    <xf numFmtId="0" fontId="18" fillId="2" borderId="5" xfId="0" applyFont="1" applyFill="1" applyBorder="1" applyAlignment="1">
      <alignment horizontal="center" vertical="center"/>
    </xf>
    <xf numFmtId="0" fontId="18" fillId="2" borderId="6" xfId="0" applyFont="1" applyFill="1" applyBorder="1" applyAlignment="1">
      <alignment horizontal="center" vertical="center"/>
    </xf>
    <xf numFmtId="0" fontId="18" fillId="2" borderId="7" xfId="0" applyFont="1" applyFill="1" applyBorder="1" applyAlignment="1">
      <alignment horizontal="center" vertical="center"/>
    </xf>
    <xf numFmtId="0" fontId="18" fillId="2" borderId="8" xfId="0" applyFont="1" applyFill="1" applyBorder="1" applyAlignment="1">
      <alignment horizontal="center" vertical="center"/>
    </xf>
    <xf numFmtId="0" fontId="18" fillId="2" borderId="1" xfId="0" applyFont="1" applyFill="1" applyBorder="1" applyAlignment="1">
      <alignment horizontal="center" vertical="center" wrapText="1"/>
    </xf>
    <xf numFmtId="0" fontId="18" fillId="2" borderId="2" xfId="0" applyFont="1" applyFill="1" applyBorder="1" applyAlignment="1">
      <alignment horizontal="center" vertical="center" wrapText="1"/>
    </xf>
    <xf numFmtId="0" fontId="18" fillId="2" borderId="3" xfId="0" applyFont="1" applyFill="1" applyBorder="1" applyAlignment="1">
      <alignment horizontal="center" vertical="center" wrapText="1"/>
    </xf>
    <xf numFmtId="0" fontId="18" fillId="2" borderId="4" xfId="0" applyFont="1" applyFill="1" applyBorder="1" applyAlignment="1">
      <alignment horizontal="center" vertical="center" wrapText="1"/>
    </xf>
    <xf numFmtId="0" fontId="18" fillId="2" borderId="0" xfId="0" applyFont="1" applyFill="1" applyAlignment="1">
      <alignment horizontal="center" vertical="center" wrapText="1"/>
    </xf>
    <xf numFmtId="0" fontId="18" fillId="2" borderId="5" xfId="0" applyFont="1" applyFill="1" applyBorder="1" applyAlignment="1">
      <alignment horizontal="center" vertical="center" wrapText="1"/>
    </xf>
    <xf numFmtId="0" fontId="18" fillId="2" borderId="6" xfId="0" applyFont="1" applyFill="1" applyBorder="1" applyAlignment="1">
      <alignment horizontal="center" vertical="center" wrapText="1"/>
    </xf>
    <xf numFmtId="0" fontId="18" fillId="2" borderId="7" xfId="0" applyFont="1" applyFill="1" applyBorder="1" applyAlignment="1">
      <alignment horizontal="center" vertical="center" wrapText="1"/>
    </xf>
    <xf numFmtId="0" fontId="18" fillId="2" borderId="8" xfId="0" applyFont="1" applyFill="1" applyBorder="1" applyAlignment="1">
      <alignment horizontal="center" vertical="center" wrapText="1"/>
    </xf>
    <xf numFmtId="0" fontId="8" fillId="2" borderId="12" xfId="0" applyFont="1" applyFill="1" applyBorder="1" applyAlignment="1">
      <alignment horizontal="center" vertical="center"/>
    </xf>
    <xf numFmtId="179" fontId="0" fillId="0" borderId="12" xfId="0" applyNumberFormat="1" applyBorder="1" applyAlignment="1">
      <alignment horizontal="center" shrinkToFit="1"/>
    </xf>
    <xf numFmtId="179" fontId="7" fillId="0" borderId="1" xfId="0" applyNumberFormat="1" applyFont="1" applyBorder="1" applyAlignment="1">
      <alignment horizontal="center" shrinkToFit="1"/>
    </xf>
    <xf numFmtId="179" fontId="7" fillId="0" borderId="2" xfId="0" applyNumberFormat="1" applyFont="1" applyBorder="1" applyAlignment="1">
      <alignment horizontal="center" shrinkToFit="1"/>
    </xf>
    <xf numFmtId="179" fontId="7" fillId="0" borderId="3" xfId="0" applyNumberFormat="1" applyFont="1" applyBorder="1" applyAlignment="1">
      <alignment horizontal="center" shrinkToFit="1"/>
    </xf>
    <xf numFmtId="179" fontId="7" fillId="0" borderId="4" xfId="0" applyNumberFormat="1" applyFont="1" applyBorder="1" applyAlignment="1">
      <alignment horizontal="center" shrinkToFit="1"/>
    </xf>
    <xf numFmtId="179" fontId="7" fillId="0" borderId="0" xfId="0" applyNumberFormat="1" applyFont="1" applyAlignment="1">
      <alignment horizontal="center" shrinkToFit="1"/>
    </xf>
    <xf numFmtId="179" fontId="7" fillId="0" borderId="5" xfId="0" applyNumberFormat="1" applyFont="1" applyBorder="1" applyAlignment="1">
      <alignment horizontal="center" shrinkToFit="1"/>
    </xf>
    <xf numFmtId="179" fontId="7" fillId="0" borderId="6" xfId="0" applyNumberFormat="1" applyFont="1" applyBorder="1" applyAlignment="1">
      <alignment horizontal="center" shrinkToFit="1"/>
    </xf>
    <xf numFmtId="179" fontId="7" fillId="0" borderId="7" xfId="0" applyNumberFormat="1" applyFont="1" applyBorder="1" applyAlignment="1">
      <alignment horizontal="center" shrinkToFit="1"/>
    </xf>
    <xf numFmtId="179" fontId="7" fillId="0" borderId="8" xfId="0" applyNumberFormat="1" applyFont="1" applyBorder="1" applyAlignment="1">
      <alignment horizontal="center" shrinkToFit="1"/>
    </xf>
    <xf numFmtId="0" fontId="4" fillId="0" borderId="12" xfId="0" applyFont="1" applyBorder="1" applyAlignment="1">
      <alignment horizontal="center" shrinkToFit="1"/>
    </xf>
    <xf numFmtId="0" fontId="4" fillId="0" borderId="13" xfId="0" applyFont="1" applyBorder="1" applyAlignment="1">
      <alignment horizontal="center" shrinkToFit="1"/>
    </xf>
    <xf numFmtId="0" fontId="16" fillId="0" borderId="31" xfId="0" applyFont="1" applyFill="1" applyBorder="1" applyAlignment="1">
      <alignment horizontal="center" vertical="center" shrinkToFit="1"/>
    </xf>
    <xf numFmtId="0" fontId="16" fillId="0" borderId="32" xfId="0" applyFont="1" applyFill="1" applyBorder="1" applyAlignment="1">
      <alignment horizontal="center" vertical="center" shrinkToFit="1"/>
    </xf>
    <xf numFmtId="0" fontId="16" fillId="0" borderId="42" xfId="0" applyFont="1" applyFill="1" applyBorder="1" applyAlignment="1">
      <alignment horizontal="center" vertical="center" shrinkToFit="1"/>
    </xf>
    <xf numFmtId="0" fontId="16" fillId="0" borderId="43" xfId="0" applyFont="1" applyFill="1" applyBorder="1" applyAlignment="1">
      <alignment horizontal="center" vertical="center" shrinkToFit="1"/>
    </xf>
    <xf numFmtId="0" fontId="16" fillId="0" borderId="52" xfId="0" applyFont="1" applyFill="1" applyBorder="1" applyAlignment="1">
      <alignment horizontal="center" vertical="center" shrinkToFit="1"/>
    </xf>
    <xf numFmtId="0" fontId="16" fillId="0" borderId="53" xfId="0" applyFont="1" applyFill="1" applyBorder="1" applyAlignment="1">
      <alignment horizontal="center" vertical="center" shrinkToFit="1"/>
    </xf>
    <xf numFmtId="0" fontId="24" fillId="0" borderId="16" xfId="0" applyFont="1" applyFill="1" applyBorder="1" applyAlignment="1">
      <alignment horizontal="center" vertical="center" shrinkToFit="1"/>
    </xf>
    <xf numFmtId="0" fontId="24" fillId="0" borderId="0" xfId="0" applyFont="1" applyFill="1" applyAlignment="1">
      <alignment horizontal="center" vertical="center" shrinkToFit="1"/>
    </xf>
    <xf numFmtId="0" fontId="24" fillId="0" borderId="54" xfId="0" applyFont="1" applyFill="1" applyBorder="1" applyAlignment="1">
      <alignment horizontal="center" vertical="center" shrinkToFit="1"/>
    </xf>
    <xf numFmtId="0" fontId="24" fillId="0" borderId="16" xfId="0" applyFont="1" applyFill="1" applyBorder="1" applyAlignment="1">
      <alignment horizontal="left" shrinkToFit="1"/>
    </xf>
    <xf numFmtId="0" fontId="24" fillId="0" borderId="0" xfId="0" applyFont="1" applyFill="1" applyAlignment="1">
      <alignment horizontal="left" shrinkToFit="1"/>
    </xf>
    <xf numFmtId="0" fontId="24" fillId="0" borderId="54" xfId="0" applyFont="1" applyFill="1" applyBorder="1" applyAlignment="1">
      <alignment horizontal="left" shrinkToFit="1"/>
    </xf>
    <xf numFmtId="0" fontId="18" fillId="2" borderId="12" xfId="0" applyFont="1" applyFill="1" applyBorder="1" applyAlignment="1">
      <alignment horizontal="center" vertical="center" wrapText="1"/>
    </xf>
    <xf numFmtId="0" fontId="17" fillId="0" borderId="13" xfId="0" applyFont="1" applyBorder="1" applyAlignment="1">
      <alignment horizontal="center" vertical="center"/>
    </xf>
    <xf numFmtId="0" fontId="17" fillId="0" borderId="14" xfId="0" applyFont="1" applyBorder="1" applyAlignment="1">
      <alignment horizontal="left" vertical="center"/>
    </xf>
    <xf numFmtId="0" fontId="17" fillId="0" borderId="12" xfId="0" applyFont="1" applyBorder="1" applyAlignment="1">
      <alignment horizontal="left" vertical="center"/>
    </xf>
    <xf numFmtId="0" fontId="17" fillId="0" borderId="13" xfId="0" applyFont="1" applyBorder="1" applyAlignment="1">
      <alignment horizontal="left" vertical="center"/>
    </xf>
    <xf numFmtId="0" fontId="2" fillId="0" borderId="14" xfId="0" applyFont="1" applyBorder="1" applyAlignment="1">
      <alignment horizontal="center" vertical="center"/>
    </xf>
    <xf numFmtId="0" fontId="23" fillId="2" borderId="15" xfId="0" applyFont="1" applyFill="1" applyBorder="1" applyAlignment="1">
      <alignment horizontal="center" vertical="center"/>
    </xf>
    <xf numFmtId="0" fontId="23" fillId="2" borderId="16" xfId="0" applyFont="1" applyFill="1" applyBorder="1" applyAlignment="1">
      <alignment horizontal="center" vertical="center"/>
    </xf>
    <xf numFmtId="0" fontId="23" fillId="2" borderId="17" xfId="0" applyFont="1" applyFill="1" applyBorder="1" applyAlignment="1">
      <alignment horizontal="center" vertical="center"/>
    </xf>
    <xf numFmtId="0" fontId="23" fillId="2" borderId="24" xfId="0" applyFont="1" applyFill="1" applyBorder="1" applyAlignment="1">
      <alignment horizontal="center" vertical="center"/>
    </xf>
    <xf numFmtId="0" fontId="23" fillId="2" borderId="25" xfId="0" applyFont="1" applyFill="1" applyBorder="1" applyAlignment="1">
      <alignment horizontal="center" vertical="center"/>
    </xf>
    <xf numFmtId="0" fontId="23" fillId="2" borderId="26" xfId="0" applyFont="1" applyFill="1" applyBorder="1" applyAlignment="1">
      <alignment horizontal="center" vertical="center"/>
    </xf>
    <xf numFmtId="0" fontId="23" fillId="2" borderId="18" xfId="0" applyFont="1" applyFill="1" applyBorder="1" applyAlignment="1">
      <alignment horizontal="center" vertical="center"/>
    </xf>
    <xf numFmtId="0" fontId="23" fillId="2" borderId="19" xfId="0" applyFont="1" applyFill="1" applyBorder="1" applyAlignment="1">
      <alignment horizontal="center" vertical="center"/>
    </xf>
    <xf numFmtId="0" fontId="23" fillId="2" borderId="20" xfId="0" applyFont="1" applyFill="1" applyBorder="1" applyAlignment="1">
      <alignment horizontal="center" vertical="center"/>
    </xf>
    <xf numFmtId="0" fontId="23" fillId="2" borderId="27" xfId="0" applyFont="1" applyFill="1" applyBorder="1" applyAlignment="1">
      <alignment horizontal="center" vertical="center"/>
    </xf>
    <xf numFmtId="0" fontId="23" fillId="2" borderId="28" xfId="0" applyFont="1" applyFill="1" applyBorder="1" applyAlignment="1">
      <alignment horizontal="center" vertical="center"/>
    </xf>
    <xf numFmtId="0" fontId="23" fillId="2" borderId="29" xfId="0" applyFont="1" applyFill="1" applyBorder="1" applyAlignment="1">
      <alignment horizontal="center" vertical="center"/>
    </xf>
    <xf numFmtId="0" fontId="23" fillId="2" borderId="21" xfId="0" applyFont="1" applyFill="1" applyBorder="1" applyAlignment="1">
      <alignment horizontal="center" vertical="center"/>
    </xf>
    <xf numFmtId="0" fontId="23" fillId="2" borderId="22" xfId="0" applyFont="1" applyFill="1" applyBorder="1" applyAlignment="1">
      <alignment horizontal="center" vertical="center"/>
    </xf>
    <xf numFmtId="0" fontId="23" fillId="2" borderId="23" xfId="0" applyFont="1" applyFill="1" applyBorder="1" applyAlignment="1">
      <alignment horizontal="center" vertical="center"/>
    </xf>
    <xf numFmtId="0" fontId="16" fillId="0" borderId="62" xfId="0" applyFont="1" applyFill="1" applyBorder="1" applyAlignment="1">
      <alignment horizontal="center" vertical="center" shrinkToFit="1"/>
    </xf>
    <xf numFmtId="0" fontId="16" fillId="0" borderId="63" xfId="0" applyFont="1" applyFill="1" applyBorder="1" applyAlignment="1">
      <alignment horizontal="center" vertical="center" shrinkToFit="1"/>
    </xf>
    <xf numFmtId="0" fontId="16" fillId="0" borderId="41" xfId="0" applyFont="1" applyFill="1" applyBorder="1" applyAlignment="1">
      <alignment horizontal="center" vertical="center" shrinkToFit="1"/>
    </xf>
    <xf numFmtId="0" fontId="16" fillId="0" borderId="51" xfId="0" applyFont="1" applyFill="1" applyBorder="1" applyAlignment="1">
      <alignment horizontal="center" vertical="center" shrinkToFit="1"/>
    </xf>
    <xf numFmtId="0" fontId="16" fillId="0" borderId="64" xfId="0" applyFont="1" applyFill="1" applyBorder="1" applyAlignment="1">
      <alignment horizontal="center" vertical="center" shrinkToFit="1"/>
    </xf>
    <xf numFmtId="0" fontId="24" fillId="0" borderId="65" xfId="0" applyFont="1" applyFill="1" applyBorder="1" applyAlignment="1">
      <alignment horizontal="center" vertical="center" shrinkToFit="1"/>
    </xf>
    <xf numFmtId="0" fontId="24" fillId="0" borderId="65" xfId="0" applyFont="1" applyFill="1" applyBorder="1" applyAlignment="1">
      <alignment horizontal="left" shrinkToFit="1"/>
    </xf>
    <xf numFmtId="0" fontId="24" fillId="0" borderId="66" xfId="0" applyFont="1" applyFill="1" applyBorder="1" applyAlignment="1">
      <alignment horizontal="center" shrinkToFit="1"/>
    </xf>
    <xf numFmtId="0" fontId="24" fillId="0" borderId="33" xfId="0" applyFont="1" applyFill="1" applyBorder="1" applyAlignment="1">
      <alignment horizontal="center" shrinkToFit="1"/>
    </xf>
    <xf numFmtId="0" fontId="24" fillId="0" borderId="79" xfId="0" applyFont="1" applyFill="1" applyBorder="1" applyAlignment="1">
      <alignment horizontal="center" shrinkToFit="1"/>
    </xf>
    <xf numFmtId="0" fontId="4" fillId="0" borderId="35" xfId="0" applyFont="1" applyFill="1" applyBorder="1" applyAlignment="1">
      <alignment horizontal="center" shrinkToFit="1"/>
    </xf>
    <xf numFmtId="0" fontId="4" fillId="0" borderId="40" xfId="0" applyFont="1" applyFill="1" applyBorder="1" applyAlignment="1">
      <alignment horizontal="center" shrinkToFit="1"/>
    </xf>
    <xf numFmtId="0" fontId="4" fillId="0" borderId="45" xfId="0" applyFont="1" applyFill="1" applyBorder="1" applyAlignment="1">
      <alignment horizontal="center" shrinkToFit="1"/>
    </xf>
    <xf numFmtId="0" fontId="4" fillId="0" borderId="50" xfId="0" applyFont="1" applyFill="1" applyBorder="1" applyAlignment="1">
      <alignment horizontal="center" shrinkToFit="1"/>
    </xf>
    <xf numFmtId="0" fontId="4" fillId="0" borderId="56" xfId="0" applyFont="1" applyFill="1" applyBorder="1" applyAlignment="1">
      <alignment horizontal="center" shrinkToFit="1"/>
    </xf>
    <xf numFmtId="0" fontId="4" fillId="0" borderId="61" xfId="0" applyFont="1" applyFill="1" applyBorder="1" applyAlignment="1">
      <alignment horizontal="center" shrinkToFit="1"/>
    </xf>
    <xf numFmtId="0" fontId="24" fillId="0" borderId="21" xfId="0" applyFont="1" applyFill="1" applyBorder="1" applyAlignment="1">
      <alignment horizontal="center" vertical="center" shrinkToFit="1"/>
    </xf>
    <xf numFmtId="0" fontId="24" fillId="0" borderId="15" xfId="0" applyFont="1" applyFill="1" applyBorder="1" applyAlignment="1">
      <alignment horizontal="center" vertical="center" shrinkToFit="1"/>
    </xf>
    <xf numFmtId="0" fontId="4" fillId="0" borderId="36" xfId="0" applyFont="1" applyFill="1" applyBorder="1" applyAlignment="1">
      <alignment horizontal="center" shrinkToFit="1"/>
    </xf>
    <xf numFmtId="0" fontId="4" fillId="0" borderId="46" xfId="0" applyFont="1" applyFill="1" applyBorder="1" applyAlignment="1">
      <alignment horizontal="center" shrinkToFit="1"/>
    </xf>
    <xf numFmtId="0" fontId="4" fillId="0" borderId="57" xfId="0" applyFont="1" applyFill="1" applyBorder="1" applyAlignment="1">
      <alignment horizontal="center" shrinkToFit="1"/>
    </xf>
    <xf numFmtId="0" fontId="4" fillId="0" borderId="37" xfId="0" applyFont="1" applyFill="1" applyBorder="1" applyAlignment="1">
      <alignment horizontal="center" shrinkToFit="1"/>
    </xf>
    <xf numFmtId="0" fontId="4" fillId="0" borderId="47" xfId="0" applyFont="1" applyFill="1" applyBorder="1" applyAlignment="1">
      <alignment horizontal="center" shrinkToFit="1"/>
    </xf>
    <xf numFmtId="0" fontId="4" fillId="0" borderId="58" xfId="0" applyFont="1" applyFill="1" applyBorder="1" applyAlignment="1">
      <alignment horizontal="center" shrinkToFit="1"/>
    </xf>
    <xf numFmtId="0" fontId="4" fillId="0" borderId="38" xfId="0" applyFont="1" applyFill="1" applyBorder="1" applyAlignment="1">
      <alignment horizontal="center" shrinkToFit="1"/>
    </xf>
    <xf numFmtId="0" fontId="4" fillId="0" borderId="48" xfId="0" applyFont="1" applyFill="1" applyBorder="1" applyAlignment="1">
      <alignment horizontal="center" shrinkToFit="1"/>
    </xf>
    <xf numFmtId="0" fontId="4" fillId="0" borderId="59" xfId="0" applyFont="1" applyFill="1" applyBorder="1" applyAlignment="1">
      <alignment horizontal="center" shrinkToFit="1"/>
    </xf>
    <xf numFmtId="0" fontId="4" fillId="0" borderId="39" xfId="0" applyFont="1" applyFill="1" applyBorder="1" applyAlignment="1">
      <alignment horizontal="center" shrinkToFit="1"/>
    </xf>
    <xf numFmtId="0" fontId="4" fillId="0" borderId="49" xfId="0" applyFont="1" applyFill="1" applyBorder="1" applyAlignment="1">
      <alignment horizontal="center" shrinkToFit="1"/>
    </xf>
    <xf numFmtId="0" fontId="4" fillId="0" borderId="60" xfId="0" applyFont="1" applyFill="1" applyBorder="1" applyAlignment="1">
      <alignment horizontal="center" shrinkToFit="1"/>
    </xf>
    <xf numFmtId="0" fontId="24" fillId="0" borderId="0" xfId="0" applyFont="1" applyFill="1" applyAlignment="1">
      <alignment horizontal="center" shrinkToFit="1"/>
    </xf>
    <xf numFmtId="0" fontId="24" fillId="0" borderId="33" xfId="0" applyFont="1" applyFill="1" applyBorder="1" applyAlignment="1">
      <alignment horizontal="center" vertical="center" shrinkToFit="1"/>
    </xf>
    <xf numFmtId="0" fontId="4" fillId="0" borderId="34" xfId="0" applyFont="1" applyFill="1" applyBorder="1" applyAlignment="1">
      <alignment horizontal="center" shrinkToFit="1"/>
    </xf>
    <xf numFmtId="0" fontId="4" fillId="0" borderId="44" xfId="0" applyFont="1" applyFill="1" applyBorder="1" applyAlignment="1">
      <alignment horizontal="center" shrinkToFit="1"/>
    </xf>
    <xf numFmtId="0" fontId="4" fillId="0" borderId="55" xfId="0" applyFont="1" applyFill="1" applyBorder="1" applyAlignment="1">
      <alignment horizontal="center" shrinkToFit="1"/>
    </xf>
    <xf numFmtId="0" fontId="16" fillId="0" borderId="30" xfId="0" applyFont="1" applyFill="1" applyBorder="1" applyAlignment="1">
      <alignment horizontal="center" vertical="center" shrinkToFit="1"/>
    </xf>
    <xf numFmtId="0" fontId="24" fillId="0" borderId="65" xfId="0" applyFont="1" applyFill="1" applyBorder="1" applyAlignment="1">
      <alignment horizontal="center" shrinkToFit="1"/>
    </xf>
    <xf numFmtId="0" fontId="24" fillId="0" borderId="54" xfId="0" applyFont="1" applyFill="1" applyBorder="1" applyAlignment="1">
      <alignment horizontal="center" shrinkToFit="1"/>
    </xf>
    <xf numFmtId="0" fontId="24" fillId="0" borderId="66" xfId="0" applyFont="1" applyFill="1" applyBorder="1" applyAlignment="1">
      <alignment horizontal="center" vertical="center" shrinkToFit="1"/>
    </xf>
    <xf numFmtId="0" fontId="24" fillId="0" borderId="79" xfId="0" applyFont="1" applyFill="1" applyBorder="1" applyAlignment="1">
      <alignment horizontal="center" vertical="center" shrinkToFit="1"/>
    </xf>
    <xf numFmtId="0" fontId="4" fillId="0" borderId="67" xfId="0" applyFont="1" applyFill="1" applyBorder="1" applyAlignment="1">
      <alignment horizontal="center" shrinkToFit="1"/>
    </xf>
    <xf numFmtId="0" fontId="4" fillId="0" borderId="68" xfId="0" applyFont="1" applyFill="1" applyBorder="1" applyAlignment="1">
      <alignment horizontal="center" shrinkToFit="1"/>
    </xf>
    <xf numFmtId="0" fontId="4" fillId="0" borderId="80" xfId="0" applyFont="1" applyFill="1" applyBorder="1" applyAlignment="1">
      <alignment horizontal="center" shrinkToFit="1"/>
    </xf>
    <xf numFmtId="0" fontId="4" fillId="0" borderId="81" xfId="0" applyFont="1" applyFill="1" applyBorder="1" applyAlignment="1">
      <alignment horizontal="center" shrinkToFit="1"/>
    </xf>
    <xf numFmtId="0" fontId="4" fillId="0" borderId="69" xfId="0" applyFont="1" applyFill="1" applyBorder="1" applyAlignment="1">
      <alignment horizontal="center" shrinkToFit="1"/>
    </xf>
    <xf numFmtId="0" fontId="4" fillId="0" borderId="82" xfId="0" applyFont="1" applyFill="1" applyBorder="1" applyAlignment="1">
      <alignment horizontal="center" shrinkToFit="1"/>
    </xf>
    <xf numFmtId="0" fontId="24" fillId="0" borderId="22" xfId="0" applyFont="1" applyFill="1" applyBorder="1" applyAlignment="1">
      <alignment horizontal="left" shrinkToFit="1"/>
    </xf>
    <xf numFmtId="0" fontId="2" fillId="0" borderId="23" xfId="0" applyFont="1" applyFill="1" applyBorder="1" applyAlignment="1">
      <alignment horizontal="center" vertical="center" shrinkToFit="1"/>
    </xf>
    <xf numFmtId="0" fontId="2" fillId="0" borderId="17" xfId="0" applyFont="1" applyFill="1" applyBorder="1" applyAlignment="1">
      <alignment horizontal="center" vertical="center" shrinkToFit="1"/>
    </xf>
    <xf numFmtId="0" fontId="23" fillId="2" borderId="90" xfId="0" applyFont="1" applyFill="1" applyBorder="1" applyAlignment="1">
      <alignment horizontal="center" vertical="center"/>
    </xf>
    <xf numFmtId="0" fontId="23" fillId="2" borderId="91" xfId="0" applyFont="1" applyFill="1" applyBorder="1" applyAlignment="1">
      <alignment horizontal="center" vertical="center"/>
    </xf>
    <xf numFmtId="0" fontId="2" fillId="0" borderId="76" xfId="0" applyFont="1" applyFill="1" applyBorder="1" applyAlignment="1">
      <alignment horizontal="center" vertical="center" shrinkToFit="1"/>
    </xf>
    <xf numFmtId="0" fontId="2" fillId="0" borderId="33" xfId="0" applyFont="1" applyFill="1" applyBorder="1" applyAlignment="1">
      <alignment horizontal="center" vertical="center" shrinkToFit="1"/>
    </xf>
    <xf numFmtId="0" fontId="2" fillId="0" borderId="89" xfId="0" applyFont="1" applyFill="1" applyBorder="1" applyAlignment="1">
      <alignment horizontal="center" vertical="center" shrinkToFit="1"/>
    </xf>
    <xf numFmtId="0" fontId="18" fillId="2" borderId="2" xfId="0" applyFont="1" applyFill="1" applyBorder="1" applyAlignment="1">
      <alignment horizontal="center" vertical="center" textRotation="255"/>
    </xf>
    <xf numFmtId="0" fontId="18" fillId="2" borderId="0" xfId="0" applyFont="1" applyFill="1" applyAlignment="1">
      <alignment horizontal="center" vertical="center" textRotation="255"/>
    </xf>
    <xf numFmtId="0" fontId="18" fillId="2" borderId="7" xfId="0" applyFont="1" applyFill="1" applyBorder="1" applyAlignment="1">
      <alignment horizontal="center" vertical="center" textRotation="255"/>
    </xf>
    <xf numFmtId="0" fontId="18" fillId="2" borderId="13" xfId="0" applyFont="1" applyFill="1" applyBorder="1" applyAlignment="1">
      <alignment horizontal="center" vertical="center" textRotation="255"/>
    </xf>
    <xf numFmtId="0" fontId="18" fillId="2" borderId="78" xfId="0" applyFont="1" applyFill="1" applyBorder="1" applyAlignment="1">
      <alignment horizontal="distributed" vertical="center" justifyLastLine="1"/>
    </xf>
    <xf numFmtId="0" fontId="2" fillId="0" borderId="26" xfId="0" applyFont="1" applyFill="1" applyBorder="1" applyAlignment="1">
      <alignment horizontal="center" vertical="center" shrinkToFit="1"/>
    </xf>
    <xf numFmtId="0" fontId="18" fillId="0" borderId="14" xfId="0" applyFont="1" applyBorder="1" applyAlignment="1">
      <alignment horizontal="center" vertical="center"/>
    </xf>
    <xf numFmtId="179" fontId="0" fillId="0" borderId="92" xfId="0" applyNumberFormat="1" applyBorder="1" applyAlignment="1">
      <alignment horizontal="right" shrinkToFit="1"/>
    </xf>
    <xf numFmtId="179" fontId="0" fillId="0" borderId="16" xfId="0" applyNumberFormat="1" applyBorder="1" applyAlignment="1">
      <alignment horizontal="right" shrinkToFit="1"/>
    </xf>
    <xf numFmtId="179" fontId="0" fillId="0" borderId="93" xfId="0" applyNumberFormat="1" applyBorder="1" applyAlignment="1">
      <alignment horizontal="right" shrinkToFit="1"/>
    </xf>
    <xf numFmtId="179" fontId="0" fillId="0" borderId="4" xfId="0" applyNumberFormat="1" applyBorder="1" applyAlignment="1">
      <alignment horizontal="right" shrinkToFit="1"/>
    </xf>
    <xf numFmtId="179" fontId="0" fillId="0" borderId="0" xfId="0" applyNumberFormat="1" applyAlignment="1">
      <alignment horizontal="right" shrinkToFit="1"/>
    </xf>
    <xf numFmtId="179" fontId="0" fillId="0" borderId="5" xfId="0" applyNumberFormat="1" applyBorder="1" applyAlignment="1">
      <alignment horizontal="right" shrinkToFit="1"/>
    </xf>
    <xf numFmtId="0" fontId="22" fillId="0" borderId="94" xfId="0" applyFont="1" applyBorder="1" applyAlignment="1">
      <alignment horizontal="center" vertical="center"/>
    </xf>
    <xf numFmtId="0" fontId="16" fillId="0" borderId="100" xfId="0" applyFont="1" applyFill="1" applyBorder="1" applyAlignment="1">
      <alignment horizontal="center" vertical="center" shrinkToFit="1"/>
    </xf>
    <xf numFmtId="0" fontId="16" fillId="0" borderId="101" xfId="0" applyFont="1" applyFill="1" applyBorder="1" applyAlignment="1">
      <alignment horizontal="center" vertical="center" shrinkToFit="1"/>
    </xf>
    <xf numFmtId="0" fontId="16" fillId="0" borderId="102" xfId="0" applyFont="1" applyFill="1" applyBorder="1" applyAlignment="1">
      <alignment horizontal="center" vertical="center" shrinkToFit="1"/>
    </xf>
    <xf numFmtId="0" fontId="24" fillId="0" borderId="7" xfId="0" applyFont="1" applyFill="1" applyBorder="1" applyAlignment="1">
      <alignment horizontal="left" shrinkToFit="1"/>
    </xf>
    <xf numFmtId="179" fontId="0" fillId="0" borderId="1" xfId="0" applyNumberFormat="1" applyBorder="1" applyAlignment="1">
      <alignment horizontal="right" shrinkToFit="1"/>
    </xf>
    <xf numFmtId="179" fontId="0" fillId="0" borderId="2" xfId="0" applyNumberFormat="1" applyBorder="1" applyAlignment="1">
      <alignment horizontal="right" shrinkToFit="1"/>
    </xf>
    <xf numFmtId="179" fontId="0" fillId="0" borderId="3" xfId="0" applyNumberFormat="1" applyBorder="1" applyAlignment="1">
      <alignment horizontal="right" shrinkToFit="1"/>
    </xf>
    <xf numFmtId="0" fontId="4" fillId="0" borderId="71" xfId="0" applyFont="1" applyFill="1" applyBorder="1" applyAlignment="1">
      <alignment horizontal="center" shrinkToFit="1"/>
    </xf>
    <xf numFmtId="0" fontId="4" fillId="0" borderId="72" xfId="0" applyFont="1" applyFill="1" applyBorder="1" applyAlignment="1">
      <alignment horizontal="center" shrinkToFit="1"/>
    </xf>
    <xf numFmtId="0" fontId="24" fillId="0" borderId="25" xfId="0" applyFont="1" applyFill="1" applyBorder="1" applyAlignment="1">
      <alignment horizontal="left" shrinkToFit="1"/>
    </xf>
    <xf numFmtId="0" fontId="24" fillId="0" borderId="74" xfId="0" applyFont="1" applyFill="1" applyBorder="1" applyAlignment="1">
      <alignment horizontal="center" vertical="center" shrinkToFit="1"/>
    </xf>
    <xf numFmtId="0" fontId="24" fillId="0" borderId="77" xfId="0" applyFont="1" applyFill="1" applyBorder="1" applyAlignment="1">
      <alignment horizontal="center" vertical="center" shrinkToFit="1"/>
    </xf>
    <xf numFmtId="0" fontId="24" fillId="0" borderId="87" xfId="0" applyFont="1" applyFill="1" applyBorder="1" applyAlignment="1">
      <alignment horizontal="center" vertical="center" shrinkToFit="1"/>
    </xf>
    <xf numFmtId="0" fontId="24" fillId="0" borderId="75" xfId="0" applyFont="1" applyFill="1" applyBorder="1" applyAlignment="1">
      <alignment horizontal="left" shrinkToFit="1"/>
    </xf>
    <xf numFmtId="0" fontId="24" fillId="0" borderId="88" xfId="0" applyFont="1" applyFill="1" applyBorder="1" applyAlignment="1">
      <alignment horizontal="left" shrinkToFit="1"/>
    </xf>
    <xf numFmtId="0" fontId="24" fillId="0" borderId="24" xfId="0" applyFont="1" applyFill="1" applyBorder="1" applyAlignment="1">
      <alignment horizontal="center" vertical="center" shrinkToFit="1"/>
    </xf>
    <xf numFmtId="0" fontId="4" fillId="0" borderId="70" xfId="0" applyFont="1" applyFill="1" applyBorder="1" applyAlignment="1">
      <alignment horizontal="center" shrinkToFit="1"/>
    </xf>
    <xf numFmtId="0" fontId="4" fillId="0" borderId="83" xfId="0" applyFont="1" applyFill="1" applyBorder="1" applyAlignment="1">
      <alignment horizontal="center" shrinkToFit="1"/>
    </xf>
    <xf numFmtId="0" fontId="4" fillId="0" borderId="84" xfId="0" applyFont="1" applyFill="1" applyBorder="1" applyAlignment="1">
      <alignment horizontal="center" shrinkToFit="1"/>
    </xf>
    <xf numFmtId="0" fontId="4" fillId="0" borderId="85" xfId="0" applyFont="1" applyFill="1" applyBorder="1" applyAlignment="1">
      <alignment horizontal="center" shrinkToFit="1"/>
    </xf>
    <xf numFmtId="0" fontId="4" fillId="0" borderId="73" xfId="0" applyFont="1" applyFill="1" applyBorder="1" applyAlignment="1">
      <alignment horizontal="center" shrinkToFit="1"/>
    </xf>
    <xf numFmtId="0" fontId="4" fillId="0" borderId="86" xfId="0" applyFont="1" applyFill="1" applyBorder="1" applyAlignment="1">
      <alignment horizontal="center" shrinkToFit="1"/>
    </xf>
    <xf numFmtId="0" fontId="24" fillId="2" borderId="113" xfId="0" applyFont="1" applyFill="1" applyBorder="1" applyAlignment="1">
      <alignment horizontal="center" vertical="center"/>
    </xf>
    <xf numFmtId="0" fontId="24" fillId="2" borderId="114" xfId="0" applyFont="1" applyFill="1" applyBorder="1" applyAlignment="1">
      <alignment horizontal="center" vertical="center"/>
    </xf>
    <xf numFmtId="0" fontId="24" fillId="2" borderId="115" xfId="0" applyFont="1" applyFill="1" applyBorder="1" applyAlignment="1">
      <alignment horizontal="center" vertical="center"/>
    </xf>
    <xf numFmtId="0" fontId="24" fillId="2" borderId="116" xfId="0" applyFont="1" applyFill="1" applyBorder="1" applyAlignment="1">
      <alignment horizontal="center" vertical="center"/>
    </xf>
    <xf numFmtId="0" fontId="24" fillId="2" borderId="0" xfId="0" applyFont="1" applyFill="1" applyAlignment="1">
      <alignment horizontal="center" vertical="center"/>
    </xf>
    <xf numFmtId="0" fontId="24" fillId="2" borderId="117" xfId="0" applyFont="1" applyFill="1" applyBorder="1" applyAlignment="1">
      <alignment horizontal="center" vertical="center"/>
    </xf>
    <xf numFmtId="0" fontId="24" fillId="2" borderId="124" xfId="0" applyFont="1" applyFill="1" applyBorder="1" applyAlignment="1">
      <alignment horizontal="center" vertical="center"/>
    </xf>
    <xf numFmtId="0" fontId="24" fillId="2" borderId="125" xfId="0" applyFont="1" applyFill="1" applyBorder="1" applyAlignment="1">
      <alignment horizontal="center" vertical="center"/>
    </xf>
    <xf numFmtId="0" fontId="24" fillId="2" borderId="126" xfId="0" applyFont="1" applyFill="1" applyBorder="1" applyAlignment="1">
      <alignment horizontal="center" vertical="center"/>
    </xf>
    <xf numFmtId="0" fontId="18" fillId="0" borderId="78" xfId="0" applyFont="1" applyBorder="1" applyAlignment="1">
      <alignment horizontal="center" vertical="center"/>
    </xf>
    <xf numFmtId="179" fontId="0" fillId="0" borderId="95" xfId="0" applyNumberFormat="1" applyBorder="1" applyAlignment="1">
      <alignment horizontal="right" shrinkToFit="1"/>
    </xf>
    <xf numFmtId="179" fontId="0" fillId="0" borderId="96" xfId="0" applyNumberFormat="1" applyBorder="1" applyAlignment="1">
      <alignment horizontal="right" shrinkToFit="1"/>
    </xf>
    <xf numFmtId="179" fontId="0" fillId="0" borderId="97" xfId="0" applyNumberFormat="1" applyBorder="1" applyAlignment="1">
      <alignment horizontal="right" shrinkToFit="1"/>
    </xf>
    <xf numFmtId="179" fontId="0" fillId="0" borderId="98" xfId="0" applyNumberFormat="1" applyBorder="1" applyAlignment="1">
      <alignment horizontal="right" shrinkToFit="1"/>
    </xf>
    <xf numFmtId="179" fontId="0" fillId="0" borderId="99" xfId="0" applyNumberFormat="1" applyBorder="1" applyAlignment="1">
      <alignment horizontal="right" shrinkToFit="1"/>
    </xf>
    <xf numFmtId="179" fontId="0" fillId="0" borderId="110" xfId="0" applyNumberFormat="1" applyBorder="1" applyAlignment="1">
      <alignment horizontal="right" shrinkToFit="1"/>
    </xf>
    <xf numFmtId="179" fontId="0" fillId="0" borderId="111" xfId="0" applyNumberFormat="1" applyBorder="1" applyAlignment="1">
      <alignment horizontal="right" shrinkToFit="1"/>
    </xf>
    <xf numFmtId="179" fontId="0" fillId="0" borderId="112" xfId="0" applyNumberFormat="1" applyBorder="1" applyAlignment="1">
      <alignment horizontal="right" shrinkToFit="1"/>
    </xf>
    <xf numFmtId="0" fontId="24" fillId="2" borderId="16" xfId="0" applyFont="1" applyFill="1" applyBorder="1" applyAlignment="1">
      <alignment horizontal="distributed" vertical="center" justifyLastLine="1"/>
    </xf>
    <xf numFmtId="0" fontId="24" fillId="2" borderId="17" xfId="0" applyFont="1" applyFill="1" applyBorder="1" applyAlignment="1">
      <alignment horizontal="distributed" vertical="center" justifyLastLine="1"/>
    </xf>
    <xf numFmtId="0" fontId="24" fillId="2" borderId="0" xfId="0" applyFont="1" applyFill="1" applyAlignment="1">
      <alignment horizontal="distributed" vertical="center" justifyLastLine="1"/>
    </xf>
    <xf numFmtId="0" fontId="24" fillId="2" borderId="33" xfId="0" applyFont="1" applyFill="1" applyBorder="1" applyAlignment="1">
      <alignment horizontal="distributed" vertical="center" justifyLastLine="1"/>
    </xf>
    <xf numFmtId="0" fontId="4" fillId="0" borderId="103" xfId="0" applyFont="1" applyFill="1" applyBorder="1" applyAlignment="1">
      <alignment horizontal="center" shrinkToFit="1"/>
    </xf>
    <xf numFmtId="0" fontId="4" fillId="0" borderId="104" xfId="0" applyFont="1" applyFill="1" applyBorder="1" applyAlignment="1">
      <alignment horizontal="center" shrinkToFit="1"/>
    </xf>
    <xf numFmtId="0" fontId="4" fillId="0" borderId="105" xfId="0" applyFont="1" applyFill="1" applyBorder="1" applyAlignment="1">
      <alignment horizontal="center" shrinkToFit="1"/>
    </xf>
    <xf numFmtId="0" fontId="4" fillId="0" borderId="106" xfId="0" applyFont="1" applyFill="1" applyBorder="1" applyAlignment="1">
      <alignment horizontal="center" shrinkToFit="1"/>
    </xf>
    <xf numFmtId="0" fontId="4" fillId="0" borderId="107" xfId="0" applyFont="1" applyFill="1" applyBorder="1" applyAlignment="1">
      <alignment horizontal="center" shrinkToFit="1"/>
    </xf>
    <xf numFmtId="0" fontId="4" fillId="0" borderId="108" xfId="0" applyFont="1" applyFill="1" applyBorder="1" applyAlignment="1">
      <alignment horizontal="center" shrinkToFit="1"/>
    </xf>
    <xf numFmtId="0" fontId="4" fillId="0" borderId="118" xfId="0" applyFont="1" applyFill="1" applyBorder="1" applyAlignment="1">
      <alignment horizontal="center" vertical="center"/>
    </xf>
    <xf numFmtId="0" fontId="4" fillId="0" borderId="119" xfId="0" applyFont="1" applyFill="1" applyBorder="1" applyAlignment="1">
      <alignment horizontal="center" vertical="center"/>
    </xf>
    <xf numFmtId="0" fontId="4" fillId="0" borderId="120" xfId="0" applyFont="1" applyFill="1" applyBorder="1" applyAlignment="1">
      <alignment horizontal="center" vertical="center"/>
    </xf>
    <xf numFmtId="0" fontId="4" fillId="0" borderId="121" xfId="0" applyFont="1" applyFill="1" applyBorder="1" applyAlignment="1">
      <alignment horizontal="center" vertical="center"/>
    </xf>
    <xf numFmtId="0" fontId="4" fillId="0" borderId="122" xfId="0" applyFont="1" applyFill="1" applyBorder="1" applyAlignment="1">
      <alignment horizontal="center" vertical="center"/>
    </xf>
    <xf numFmtId="0" fontId="4" fillId="0" borderId="123" xfId="0" applyFont="1" applyFill="1" applyBorder="1" applyAlignment="1">
      <alignment horizontal="center" vertical="center"/>
    </xf>
    <xf numFmtId="0" fontId="16" fillId="0" borderId="0" xfId="0" applyFont="1" applyFill="1" applyAlignment="1">
      <alignment horizontal="distributed" vertical="center"/>
    </xf>
    <xf numFmtId="0" fontId="24" fillId="2" borderId="65" xfId="0" applyFont="1" applyFill="1" applyBorder="1" applyAlignment="1">
      <alignment horizontal="distributed" vertical="center" justifyLastLine="1"/>
    </xf>
    <xf numFmtId="0" fontId="24" fillId="2" borderId="66" xfId="0" applyFont="1" applyFill="1" applyBorder="1" applyAlignment="1">
      <alignment horizontal="distributed" vertical="center" justifyLastLine="1"/>
    </xf>
    <xf numFmtId="0" fontId="24" fillId="2" borderId="25" xfId="0" applyFont="1" applyFill="1" applyBorder="1" applyAlignment="1">
      <alignment horizontal="distributed" vertical="center" justifyLastLine="1"/>
    </xf>
    <xf numFmtId="0" fontId="24" fillId="2" borderId="26" xfId="0" applyFont="1" applyFill="1" applyBorder="1" applyAlignment="1">
      <alignment horizontal="distributed" vertical="center" justifyLastLine="1"/>
    </xf>
    <xf numFmtId="0" fontId="4" fillId="0" borderId="109" xfId="0" applyFont="1" applyFill="1" applyBorder="1" applyAlignment="1">
      <alignment horizontal="center" shrinkToFit="1"/>
    </xf>
    <xf numFmtId="0" fontId="2" fillId="0" borderId="23" xfId="0" applyFont="1" applyFill="1" applyBorder="1" applyAlignment="1">
      <alignment horizontal="center" vertical="center"/>
    </xf>
    <xf numFmtId="0" fontId="2" fillId="0" borderId="17" xfId="0" applyFont="1" applyFill="1" applyBorder="1" applyAlignment="1">
      <alignment horizontal="center" vertical="center"/>
    </xf>
    <xf numFmtId="38" fontId="1" fillId="0" borderId="0" xfId="1" applyFill="1" applyAlignment="1">
      <alignment horizontal="right" vertical="center" shrinkToFit="1"/>
    </xf>
    <xf numFmtId="38" fontId="1" fillId="0" borderId="122" xfId="1" applyFill="1" applyBorder="1" applyAlignment="1">
      <alignment horizontal="right" vertical="center" shrinkToFit="1"/>
    </xf>
    <xf numFmtId="0" fontId="16" fillId="0" borderId="0" xfId="0" applyFont="1" applyFill="1" applyAlignment="1">
      <alignment horizontal="center" vertical="center"/>
    </xf>
    <xf numFmtId="0" fontId="16" fillId="0" borderId="122" xfId="0" applyFont="1" applyFill="1" applyBorder="1" applyAlignment="1">
      <alignment horizontal="center" vertical="center"/>
    </xf>
    <xf numFmtId="0" fontId="22" fillId="0" borderId="15" xfId="0" applyFont="1" applyBorder="1" applyAlignment="1">
      <alignment horizontal="center" vertical="center"/>
    </xf>
    <xf numFmtId="0" fontId="22" fillId="0" borderId="16" xfId="0" applyFont="1" applyBorder="1" applyAlignment="1">
      <alignment horizontal="center" vertical="center"/>
    </xf>
    <xf numFmtId="0" fontId="22" fillId="0" borderId="17" xfId="0" applyFont="1" applyBorder="1" applyAlignment="1">
      <alignment horizontal="center" vertical="center"/>
    </xf>
    <xf numFmtId="0" fontId="22" fillId="0" borderId="77" xfId="0" applyFont="1" applyBorder="1" applyAlignment="1">
      <alignment horizontal="center" vertical="center"/>
    </xf>
    <xf numFmtId="0" fontId="22" fillId="0" borderId="0" xfId="0" applyFont="1" applyAlignment="1">
      <alignment horizontal="center" vertical="center"/>
    </xf>
    <xf numFmtId="0" fontId="22" fillId="0" borderId="33" xfId="0" applyFont="1" applyBorder="1" applyAlignment="1">
      <alignment horizontal="center" vertical="center"/>
    </xf>
    <xf numFmtId="0" fontId="22" fillId="0" borderId="24" xfId="0" applyFont="1" applyBorder="1" applyAlignment="1">
      <alignment horizontal="center" vertical="center"/>
    </xf>
    <xf numFmtId="0" fontId="22" fillId="0" borderId="25" xfId="0" applyFont="1" applyBorder="1" applyAlignment="1">
      <alignment horizontal="center" vertical="center"/>
    </xf>
    <xf numFmtId="0" fontId="22" fillId="0" borderId="26" xfId="0" applyFont="1" applyBorder="1" applyAlignment="1">
      <alignment horizontal="center" vertical="center"/>
    </xf>
    <xf numFmtId="0" fontId="4" fillId="0" borderId="127" xfId="0" applyFont="1" applyFill="1" applyBorder="1" applyAlignment="1">
      <alignment horizontal="center" shrinkToFit="1"/>
    </xf>
    <xf numFmtId="0" fontId="4" fillId="0" borderId="128" xfId="0" applyFont="1" applyFill="1" applyBorder="1" applyAlignment="1">
      <alignment horizontal="center" shrinkToFit="1"/>
    </xf>
    <xf numFmtId="0" fontId="4" fillId="0" borderId="129" xfId="0" applyFont="1" applyFill="1" applyBorder="1" applyAlignment="1">
      <alignment horizontal="center" shrinkToFit="1"/>
    </xf>
    <xf numFmtId="0" fontId="4" fillId="0" borderId="130" xfId="0" applyFont="1" applyFill="1" applyBorder="1" applyAlignment="1">
      <alignment horizontal="center" shrinkToFit="1"/>
    </xf>
    <xf numFmtId="0" fontId="4" fillId="0" borderId="131" xfId="0" applyFont="1" applyFill="1" applyBorder="1" applyAlignment="1">
      <alignment horizontal="center" shrinkToFit="1"/>
    </xf>
    <xf numFmtId="0" fontId="4" fillId="0" borderId="132" xfId="0" applyFont="1" applyFill="1" applyBorder="1" applyAlignment="1">
      <alignment horizontal="center" shrinkToFit="1"/>
    </xf>
    <xf numFmtId="0" fontId="2" fillId="0" borderId="76" xfId="0" applyFont="1" applyFill="1" applyBorder="1" applyAlignment="1">
      <alignment horizontal="center" vertical="center"/>
    </xf>
    <xf numFmtId="0" fontId="4" fillId="0" borderId="133" xfId="0" applyFont="1" applyFill="1" applyBorder="1" applyAlignment="1">
      <alignment horizontal="center" shrinkToFit="1"/>
    </xf>
    <xf numFmtId="0" fontId="24" fillId="0" borderId="22" xfId="0" applyFont="1" applyFill="1" applyBorder="1" applyAlignment="1">
      <alignment horizontal="center" vertical="center" shrinkToFit="1"/>
    </xf>
    <xf numFmtId="0" fontId="26" fillId="2" borderId="15" xfId="0" applyFont="1" applyFill="1" applyBorder="1" applyAlignment="1">
      <alignment horizontal="center" vertical="distributed" textRotation="255" justifyLastLine="1"/>
    </xf>
    <xf numFmtId="0" fontId="26" fillId="2" borderId="16" xfId="0" applyFont="1" applyFill="1" applyBorder="1" applyAlignment="1">
      <alignment horizontal="center" vertical="distributed" textRotation="255" justifyLastLine="1"/>
    </xf>
    <xf numFmtId="0" fontId="26" fillId="2" borderId="17" xfId="0" applyFont="1" applyFill="1" applyBorder="1" applyAlignment="1">
      <alignment horizontal="center" vertical="distributed" textRotation="255" justifyLastLine="1"/>
    </xf>
    <xf numFmtId="0" fontId="26" fillId="2" borderId="77" xfId="0" applyFont="1" applyFill="1" applyBorder="1" applyAlignment="1">
      <alignment horizontal="center" vertical="distributed" textRotation="255" justifyLastLine="1"/>
    </xf>
    <xf numFmtId="0" fontId="26" fillId="2" borderId="0" xfId="0" applyFont="1" applyFill="1" applyAlignment="1">
      <alignment horizontal="center" vertical="distributed" textRotation="255" justifyLastLine="1"/>
    </xf>
    <xf numFmtId="0" fontId="26" fillId="2" borderId="33" xfId="0" applyFont="1" applyFill="1" applyBorder="1" applyAlignment="1">
      <alignment horizontal="center" vertical="distributed" textRotation="255" justifyLastLine="1"/>
    </xf>
    <xf numFmtId="0" fontId="26" fillId="2" borderId="24" xfId="0" applyFont="1" applyFill="1" applyBorder="1" applyAlignment="1">
      <alignment horizontal="center" vertical="distributed" textRotation="255" justifyLastLine="1"/>
    </xf>
    <xf numFmtId="0" fontId="26" fillId="2" borderId="25" xfId="0" applyFont="1" applyFill="1" applyBorder="1" applyAlignment="1">
      <alignment horizontal="center" vertical="distributed" textRotation="255" justifyLastLine="1"/>
    </xf>
    <xf numFmtId="0" fontId="26" fillId="2" borderId="26" xfId="0" applyFont="1" applyFill="1" applyBorder="1" applyAlignment="1">
      <alignment horizontal="center" vertical="distributed" textRotation="255" justifyLastLine="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70</xdr:col>
      <xdr:colOff>0</xdr:colOff>
      <xdr:row>70</xdr:row>
      <xdr:rowOff>66675</xdr:rowOff>
    </xdr:from>
    <xdr:to>
      <xdr:col>172</xdr:col>
      <xdr:colOff>0</xdr:colOff>
      <xdr:row>72</xdr:row>
      <xdr:rowOff>9525</xdr:rowOff>
    </xdr:to>
    <xdr:sp macro="" textlink="">
      <xdr:nvSpPr>
        <xdr:cNvPr id="2" name="AutoShape 60">
          <a:extLst>
            <a:ext uri="{FF2B5EF4-FFF2-40B4-BE49-F238E27FC236}">
              <a16:creationId xmlns:a16="http://schemas.microsoft.com/office/drawing/2014/main" id="{40AFA829-61F3-4FBA-9BFC-FB3E6DA81F21}"/>
            </a:ext>
          </a:extLst>
        </xdr:cNvPr>
        <xdr:cNvSpPr>
          <a:spLocks noChangeArrowheads="1"/>
        </xdr:cNvSpPr>
      </xdr:nvSpPr>
      <xdr:spPr bwMode="auto">
        <a:xfrm>
          <a:off x="8096250" y="5534025"/>
          <a:ext cx="95250" cy="95250"/>
        </a:xfrm>
        <a:prstGeom prst="triangle">
          <a:avLst>
            <a:gd name="adj" fmla="val 50000"/>
          </a:avLst>
        </a:prstGeom>
        <a:solidFill>
          <a:srgbClr val="FFFFFF"/>
        </a:solidFill>
        <a:ln w="6350">
          <a:solidFill>
            <a:srgbClr val="333333"/>
          </a:solidFill>
          <a:miter lim="800000"/>
          <a:headEnd/>
          <a:tailEnd/>
        </a:ln>
      </xdr:spPr>
    </xdr:sp>
    <xdr:clientData/>
  </xdr:twoCellAnchor>
  <xdr:twoCellAnchor>
    <xdr:from>
      <xdr:col>99</xdr:col>
      <xdr:colOff>38100</xdr:colOff>
      <xdr:row>31</xdr:row>
      <xdr:rowOff>38100</xdr:rowOff>
    </xdr:from>
    <xdr:to>
      <xdr:col>101</xdr:col>
      <xdr:colOff>9525</xdr:colOff>
      <xdr:row>32</xdr:row>
      <xdr:rowOff>28575</xdr:rowOff>
    </xdr:to>
    <xdr:sp macro="" textlink="">
      <xdr:nvSpPr>
        <xdr:cNvPr id="3" name="AutoShape 92">
          <a:extLst>
            <a:ext uri="{FF2B5EF4-FFF2-40B4-BE49-F238E27FC236}">
              <a16:creationId xmlns:a16="http://schemas.microsoft.com/office/drawing/2014/main" id="{E3C68AE4-7484-40A7-8A7A-077B7866CC71}"/>
            </a:ext>
          </a:extLst>
        </xdr:cNvPr>
        <xdr:cNvSpPr>
          <a:spLocks noChangeArrowheads="1"/>
        </xdr:cNvSpPr>
      </xdr:nvSpPr>
      <xdr:spPr bwMode="auto">
        <a:xfrm>
          <a:off x="4752975" y="2571750"/>
          <a:ext cx="66675" cy="66675"/>
        </a:xfrm>
        <a:prstGeom prst="triangle">
          <a:avLst>
            <a:gd name="adj" fmla="val 50000"/>
          </a:avLst>
        </a:prstGeom>
        <a:solidFill>
          <a:srgbClr val="FFFFFF"/>
        </a:solidFill>
        <a:ln w="6350">
          <a:solidFill>
            <a:srgbClr val="333333"/>
          </a:solidFill>
          <a:miter lim="800000"/>
          <a:headEnd/>
          <a:tailEnd/>
        </a:ln>
      </xdr:spPr>
    </xdr:sp>
    <xdr:clientData/>
  </xdr:twoCellAnchor>
  <xdr:twoCellAnchor>
    <xdr:from>
      <xdr:col>85</xdr:col>
      <xdr:colOff>9525</xdr:colOff>
      <xdr:row>13</xdr:row>
      <xdr:rowOff>0</xdr:rowOff>
    </xdr:from>
    <xdr:to>
      <xdr:col>105</xdr:col>
      <xdr:colOff>0</xdr:colOff>
      <xdr:row>17</xdr:row>
      <xdr:rowOff>0</xdr:rowOff>
    </xdr:to>
    <xdr:grpSp>
      <xdr:nvGrpSpPr>
        <xdr:cNvPr id="4" name="グループ化 1">
          <a:extLst>
            <a:ext uri="{FF2B5EF4-FFF2-40B4-BE49-F238E27FC236}">
              <a16:creationId xmlns:a16="http://schemas.microsoft.com/office/drawing/2014/main" id="{3FE87E8D-7F10-403E-B37A-7BCC04F8A486}"/>
            </a:ext>
          </a:extLst>
        </xdr:cNvPr>
        <xdr:cNvGrpSpPr>
          <a:grpSpLocks/>
        </xdr:cNvGrpSpPr>
      </xdr:nvGrpSpPr>
      <xdr:grpSpPr bwMode="auto">
        <a:xfrm>
          <a:off x="4057650" y="1162050"/>
          <a:ext cx="942975" cy="304800"/>
          <a:chOff x="4048125" y="1162050"/>
          <a:chExt cx="952500" cy="304800"/>
        </a:xfrm>
      </xdr:grpSpPr>
      <xdr:sp macro="" textlink="">
        <xdr:nvSpPr>
          <xdr:cNvPr id="5" name="Line 118">
            <a:extLst>
              <a:ext uri="{FF2B5EF4-FFF2-40B4-BE49-F238E27FC236}">
                <a16:creationId xmlns:a16="http://schemas.microsoft.com/office/drawing/2014/main" id="{6B43D805-096F-4233-909E-82563487828A}"/>
              </a:ext>
            </a:extLst>
          </xdr:cNvPr>
          <xdr:cNvSpPr>
            <a:spLocks noChangeShapeType="1"/>
          </xdr:cNvSpPr>
        </xdr:nvSpPr>
        <xdr:spPr bwMode="auto">
          <a:xfrm>
            <a:off x="4048125" y="1171575"/>
            <a:ext cx="0" cy="295275"/>
          </a:xfrm>
          <a:prstGeom prst="line">
            <a:avLst/>
          </a:prstGeom>
          <a:noFill/>
          <a:ln w="12700">
            <a:solidFill>
              <a:srgbClr val="333333"/>
            </a:solidFill>
            <a:round/>
            <a:headEnd/>
            <a:tailEnd/>
          </a:ln>
          <a:extLst>
            <a:ext uri="{909E8E84-426E-40DD-AFC4-6F175D3DCCD1}">
              <a14:hiddenFill xmlns:a14="http://schemas.microsoft.com/office/drawing/2010/main">
                <a:noFill/>
              </a14:hiddenFill>
            </a:ext>
          </a:extLst>
        </xdr:spPr>
      </xdr:sp>
      <xdr:sp macro="" textlink="">
        <xdr:nvSpPr>
          <xdr:cNvPr id="6" name="Line 119">
            <a:extLst>
              <a:ext uri="{FF2B5EF4-FFF2-40B4-BE49-F238E27FC236}">
                <a16:creationId xmlns:a16="http://schemas.microsoft.com/office/drawing/2014/main" id="{A80A520E-A033-4E29-BCF6-AF8DD5D8C176}"/>
              </a:ext>
            </a:extLst>
          </xdr:cNvPr>
          <xdr:cNvSpPr>
            <a:spLocks noChangeShapeType="1"/>
          </xdr:cNvSpPr>
        </xdr:nvSpPr>
        <xdr:spPr bwMode="auto">
          <a:xfrm>
            <a:off x="4238625" y="1171575"/>
            <a:ext cx="0" cy="295275"/>
          </a:xfrm>
          <a:prstGeom prst="line">
            <a:avLst/>
          </a:prstGeom>
          <a:noFill/>
          <a:ln w="12700">
            <a:solidFill>
              <a:srgbClr val="333333"/>
            </a:solidFill>
            <a:round/>
            <a:headEnd/>
            <a:tailEnd/>
          </a:ln>
          <a:extLst>
            <a:ext uri="{909E8E84-426E-40DD-AFC4-6F175D3DCCD1}">
              <a14:hiddenFill xmlns:a14="http://schemas.microsoft.com/office/drawing/2010/main">
                <a:noFill/>
              </a14:hiddenFill>
            </a:ext>
          </a:extLst>
        </xdr:spPr>
      </xdr:sp>
      <xdr:sp macro="" textlink="">
        <xdr:nvSpPr>
          <xdr:cNvPr id="7" name="Line 120">
            <a:extLst>
              <a:ext uri="{FF2B5EF4-FFF2-40B4-BE49-F238E27FC236}">
                <a16:creationId xmlns:a16="http://schemas.microsoft.com/office/drawing/2014/main" id="{0A015A39-2B38-4832-B6F7-D70DD2912430}"/>
              </a:ext>
            </a:extLst>
          </xdr:cNvPr>
          <xdr:cNvSpPr>
            <a:spLocks noChangeShapeType="1"/>
          </xdr:cNvSpPr>
        </xdr:nvSpPr>
        <xdr:spPr bwMode="auto">
          <a:xfrm>
            <a:off x="4429125" y="1171575"/>
            <a:ext cx="0" cy="295275"/>
          </a:xfrm>
          <a:prstGeom prst="line">
            <a:avLst/>
          </a:prstGeom>
          <a:noFill/>
          <a:ln w="3175">
            <a:solidFill>
              <a:srgbClr val="333333"/>
            </a:solidFill>
            <a:round/>
            <a:headEnd/>
            <a:tailEnd/>
          </a:ln>
          <a:extLst>
            <a:ext uri="{909E8E84-426E-40DD-AFC4-6F175D3DCCD1}">
              <a14:hiddenFill xmlns:a14="http://schemas.microsoft.com/office/drawing/2010/main">
                <a:noFill/>
              </a14:hiddenFill>
            </a:ext>
          </a:extLst>
        </xdr:spPr>
      </xdr:sp>
      <xdr:sp macro="" textlink="">
        <xdr:nvSpPr>
          <xdr:cNvPr id="8" name="Line 121">
            <a:extLst>
              <a:ext uri="{FF2B5EF4-FFF2-40B4-BE49-F238E27FC236}">
                <a16:creationId xmlns:a16="http://schemas.microsoft.com/office/drawing/2014/main" id="{A3AF95F6-C562-4767-BB68-BB1AA42110E6}"/>
              </a:ext>
            </a:extLst>
          </xdr:cNvPr>
          <xdr:cNvSpPr>
            <a:spLocks noChangeShapeType="1"/>
          </xdr:cNvSpPr>
        </xdr:nvSpPr>
        <xdr:spPr bwMode="auto">
          <a:xfrm>
            <a:off x="4619625" y="1171575"/>
            <a:ext cx="0" cy="295275"/>
          </a:xfrm>
          <a:prstGeom prst="line">
            <a:avLst/>
          </a:prstGeom>
          <a:noFill/>
          <a:ln w="12700">
            <a:solidFill>
              <a:srgbClr val="333333"/>
            </a:solidFill>
            <a:round/>
            <a:headEnd/>
            <a:tailEnd/>
          </a:ln>
          <a:extLst>
            <a:ext uri="{909E8E84-426E-40DD-AFC4-6F175D3DCCD1}">
              <a14:hiddenFill xmlns:a14="http://schemas.microsoft.com/office/drawing/2010/main">
                <a:noFill/>
              </a14:hiddenFill>
            </a:ext>
          </a:extLst>
        </xdr:spPr>
      </xdr:sp>
      <xdr:sp macro="" textlink="">
        <xdr:nvSpPr>
          <xdr:cNvPr id="9" name="Line 122">
            <a:extLst>
              <a:ext uri="{FF2B5EF4-FFF2-40B4-BE49-F238E27FC236}">
                <a16:creationId xmlns:a16="http://schemas.microsoft.com/office/drawing/2014/main" id="{C2D589CE-D54B-42AF-9B83-425DCB5A3F4D}"/>
              </a:ext>
            </a:extLst>
          </xdr:cNvPr>
          <xdr:cNvSpPr>
            <a:spLocks noChangeShapeType="1"/>
          </xdr:cNvSpPr>
        </xdr:nvSpPr>
        <xdr:spPr bwMode="auto">
          <a:xfrm>
            <a:off x="5000625" y="1162050"/>
            <a:ext cx="0" cy="304800"/>
          </a:xfrm>
          <a:prstGeom prst="line">
            <a:avLst/>
          </a:prstGeom>
          <a:noFill/>
          <a:ln w="3175">
            <a:solidFill>
              <a:srgbClr val="333333"/>
            </a:solidFill>
            <a:round/>
            <a:headEnd/>
            <a:tailEnd/>
          </a:ln>
          <a:extLst>
            <a:ext uri="{909E8E84-426E-40DD-AFC4-6F175D3DCCD1}">
              <a14:hiddenFill xmlns:a14="http://schemas.microsoft.com/office/drawing/2010/main">
                <a:noFill/>
              </a14:hiddenFill>
            </a:ext>
          </a:extLst>
        </xdr:spPr>
      </xdr:sp>
      <xdr:sp macro="" textlink="">
        <xdr:nvSpPr>
          <xdr:cNvPr id="10" name="Line 123">
            <a:extLst>
              <a:ext uri="{FF2B5EF4-FFF2-40B4-BE49-F238E27FC236}">
                <a16:creationId xmlns:a16="http://schemas.microsoft.com/office/drawing/2014/main" id="{5CB67B79-CF36-4AEC-B771-3D908359E021}"/>
              </a:ext>
            </a:extLst>
          </xdr:cNvPr>
          <xdr:cNvSpPr>
            <a:spLocks noChangeShapeType="1"/>
          </xdr:cNvSpPr>
        </xdr:nvSpPr>
        <xdr:spPr bwMode="auto">
          <a:xfrm>
            <a:off x="4810125" y="1162050"/>
            <a:ext cx="0" cy="304800"/>
          </a:xfrm>
          <a:prstGeom prst="line">
            <a:avLst/>
          </a:prstGeom>
          <a:noFill/>
          <a:ln w="3175">
            <a:solidFill>
              <a:srgbClr val="333333"/>
            </a:solidFill>
            <a:round/>
            <a:headEnd/>
            <a:tailEnd/>
          </a:ln>
          <a:extLst>
            <a:ext uri="{909E8E84-426E-40DD-AFC4-6F175D3DCCD1}">
              <a14:hiddenFill xmlns:a14="http://schemas.microsoft.com/office/drawing/2010/main">
                <a:noFill/>
              </a14:hiddenFill>
            </a:ext>
          </a:extLst>
        </xdr:spPr>
      </xdr:sp>
    </xdr:grpSp>
    <xdr:clientData/>
  </xdr:twoCellAnchor>
  <xdr:twoCellAnchor>
    <xdr:from>
      <xdr:col>165</xdr:col>
      <xdr:colOff>28575</xdr:colOff>
      <xdr:row>3</xdr:row>
      <xdr:rowOff>9525</xdr:rowOff>
    </xdr:from>
    <xdr:to>
      <xdr:col>189</xdr:col>
      <xdr:colOff>0</xdr:colOff>
      <xdr:row>7</xdr:row>
      <xdr:rowOff>9525</xdr:rowOff>
    </xdr:to>
    <xdr:grpSp>
      <xdr:nvGrpSpPr>
        <xdr:cNvPr id="12" name="グループ化 1">
          <a:extLst>
            <a:ext uri="{FF2B5EF4-FFF2-40B4-BE49-F238E27FC236}">
              <a16:creationId xmlns:a16="http://schemas.microsoft.com/office/drawing/2014/main" id="{E5882F51-27B5-46C7-874D-415F27FCAA13}"/>
            </a:ext>
          </a:extLst>
        </xdr:cNvPr>
        <xdr:cNvGrpSpPr>
          <a:grpSpLocks/>
        </xdr:cNvGrpSpPr>
      </xdr:nvGrpSpPr>
      <xdr:grpSpPr bwMode="auto">
        <a:xfrm>
          <a:off x="7886700" y="409575"/>
          <a:ext cx="1114425" cy="304800"/>
          <a:chOff x="7886700" y="409575"/>
          <a:chExt cx="1114425" cy="304800"/>
        </a:xfrm>
      </xdr:grpSpPr>
      <xdr:sp macro="" textlink="">
        <xdr:nvSpPr>
          <xdr:cNvPr id="13" name="Line 5">
            <a:extLst>
              <a:ext uri="{FF2B5EF4-FFF2-40B4-BE49-F238E27FC236}">
                <a16:creationId xmlns:a16="http://schemas.microsoft.com/office/drawing/2014/main" id="{4287BC35-D271-4D58-858D-45482029179F}"/>
              </a:ext>
            </a:extLst>
          </xdr:cNvPr>
          <xdr:cNvSpPr>
            <a:spLocks noChangeShapeType="1"/>
          </xdr:cNvSpPr>
        </xdr:nvSpPr>
        <xdr:spPr bwMode="auto">
          <a:xfrm>
            <a:off x="7886700" y="409575"/>
            <a:ext cx="0" cy="304800"/>
          </a:xfrm>
          <a:prstGeom prst="line">
            <a:avLst/>
          </a:prstGeom>
          <a:noFill/>
          <a:ln w="6350">
            <a:solidFill>
              <a:srgbClr val="000000"/>
            </a:solidFill>
            <a:round/>
            <a:headEnd/>
            <a:tailEnd/>
          </a:ln>
          <a:extLst>
            <a:ext uri="{909E8E84-426E-40DD-AFC4-6F175D3DCCD1}">
              <a14:hiddenFill xmlns:a14="http://schemas.microsoft.com/office/drawing/2010/main">
                <a:noFill/>
              </a14:hiddenFill>
            </a:ext>
          </a:extLst>
        </xdr:spPr>
      </xdr:sp>
      <xdr:sp macro="" textlink="">
        <xdr:nvSpPr>
          <xdr:cNvPr id="14" name="Line 6">
            <a:extLst>
              <a:ext uri="{FF2B5EF4-FFF2-40B4-BE49-F238E27FC236}">
                <a16:creationId xmlns:a16="http://schemas.microsoft.com/office/drawing/2014/main" id="{E7DC8D58-238C-4DD1-BBC8-FD76539F2431}"/>
              </a:ext>
            </a:extLst>
          </xdr:cNvPr>
          <xdr:cNvSpPr>
            <a:spLocks noChangeShapeType="1"/>
          </xdr:cNvSpPr>
        </xdr:nvSpPr>
        <xdr:spPr bwMode="auto">
          <a:xfrm>
            <a:off x="8165306" y="409575"/>
            <a:ext cx="0" cy="304800"/>
          </a:xfrm>
          <a:prstGeom prst="line">
            <a:avLst/>
          </a:prstGeom>
          <a:noFill/>
          <a:ln w="6350">
            <a:solidFill>
              <a:srgbClr val="000000"/>
            </a:solidFill>
            <a:round/>
            <a:headEnd/>
            <a:tailEnd/>
          </a:ln>
          <a:extLst>
            <a:ext uri="{909E8E84-426E-40DD-AFC4-6F175D3DCCD1}">
              <a14:hiddenFill xmlns:a14="http://schemas.microsoft.com/office/drawing/2010/main">
                <a:noFill/>
              </a14:hiddenFill>
            </a:ext>
          </a:extLst>
        </xdr:spPr>
      </xdr:sp>
      <xdr:sp macro="" textlink="">
        <xdr:nvSpPr>
          <xdr:cNvPr id="15" name="Line 7">
            <a:extLst>
              <a:ext uri="{FF2B5EF4-FFF2-40B4-BE49-F238E27FC236}">
                <a16:creationId xmlns:a16="http://schemas.microsoft.com/office/drawing/2014/main" id="{01D2A9F4-B20B-4140-AE0F-E39147E18529}"/>
              </a:ext>
            </a:extLst>
          </xdr:cNvPr>
          <xdr:cNvSpPr>
            <a:spLocks noChangeShapeType="1"/>
          </xdr:cNvSpPr>
        </xdr:nvSpPr>
        <xdr:spPr bwMode="auto">
          <a:xfrm>
            <a:off x="9001125" y="409575"/>
            <a:ext cx="0" cy="304800"/>
          </a:xfrm>
          <a:prstGeom prst="line">
            <a:avLst/>
          </a:prstGeom>
          <a:noFill/>
          <a:ln w="6350">
            <a:solidFill>
              <a:srgbClr val="000000"/>
            </a:solidFill>
            <a:round/>
            <a:headEnd/>
            <a:tailEnd/>
          </a:ln>
          <a:extLst>
            <a:ext uri="{909E8E84-426E-40DD-AFC4-6F175D3DCCD1}">
              <a14:hiddenFill xmlns:a14="http://schemas.microsoft.com/office/drawing/2010/main">
                <a:noFill/>
              </a14:hiddenFill>
            </a:ext>
          </a:extLst>
        </xdr:spPr>
      </xdr:sp>
      <xdr:sp macro="" textlink="">
        <xdr:nvSpPr>
          <xdr:cNvPr id="16" name="Line 9">
            <a:extLst>
              <a:ext uri="{FF2B5EF4-FFF2-40B4-BE49-F238E27FC236}">
                <a16:creationId xmlns:a16="http://schemas.microsoft.com/office/drawing/2014/main" id="{187481DA-3D82-4868-ACE9-F16D375E8C33}"/>
              </a:ext>
            </a:extLst>
          </xdr:cNvPr>
          <xdr:cNvSpPr>
            <a:spLocks noChangeShapeType="1"/>
          </xdr:cNvSpPr>
        </xdr:nvSpPr>
        <xdr:spPr bwMode="auto">
          <a:xfrm>
            <a:off x="8443913" y="409575"/>
            <a:ext cx="0" cy="304800"/>
          </a:xfrm>
          <a:prstGeom prst="line">
            <a:avLst/>
          </a:prstGeom>
          <a:noFill/>
          <a:ln w="6350">
            <a:solidFill>
              <a:srgbClr val="000000"/>
            </a:solidFill>
            <a:round/>
            <a:headEnd/>
            <a:tailEnd/>
          </a:ln>
          <a:extLst>
            <a:ext uri="{909E8E84-426E-40DD-AFC4-6F175D3DCCD1}">
              <a14:hiddenFill xmlns:a14="http://schemas.microsoft.com/office/drawing/2010/main">
                <a:noFill/>
              </a14:hiddenFill>
            </a:ext>
          </a:extLst>
        </xdr:spPr>
      </xdr:sp>
      <xdr:sp macro="" textlink="">
        <xdr:nvSpPr>
          <xdr:cNvPr id="17" name="Line 10">
            <a:extLst>
              <a:ext uri="{FF2B5EF4-FFF2-40B4-BE49-F238E27FC236}">
                <a16:creationId xmlns:a16="http://schemas.microsoft.com/office/drawing/2014/main" id="{7AE5D192-98A1-4DC1-A9FE-0E131B8A6D75}"/>
              </a:ext>
            </a:extLst>
          </xdr:cNvPr>
          <xdr:cNvSpPr>
            <a:spLocks noChangeShapeType="1"/>
          </xdr:cNvSpPr>
        </xdr:nvSpPr>
        <xdr:spPr bwMode="auto">
          <a:xfrm>
            <a:off x="8722519" y="409575"/>
            <a:ext cx="0" cy="304800"/>
          </a:xfrm>
          <a:prstGeom prst="line">
            <a:avLst/>
          </a:prstGeom>
          <a:noFill/>
          <a:ln w="6350">
            <a:solidFill>
              <a:srgbClr val="000000"/>
            </a:solidFill>
            <a:round/>
            <a:headEnd/>
            <a:tailEnd/>
          </a:ln>
          <a:extLst>
            <a:ext uri="{909E8E84-426E-40DD-AFC4-6F175D3DCCD1}">
              <a14:hiddenFill xmlns:a14="http://schemas.microsoft.com/office/drawing/2010/main">
                <a:noFill/>
              </a14:hiddenFill>
            </a:ext>
          </a:extLst>
        </xdr:spPr>
      </xdr:sp>
    </xdr:grp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HQ98"/>
  <sheetViews>
    <sheetView tabSelected="1" zoomScaleNormal="100" workbookViewId="0">
      <selection activeCell="AE5" sqref="AE5"/>
    </sheetView>
  </sheetViews>
  <sheetFormatPr defaultRowHeight="10.5" customHeight="1"/>
  <cols>
    <col min="1" max="226" width="0.625" style="1" customWidth="1"/>
    <col min="227" max="256" width="9" style="1"/>
    <col min="257" max="482" width="0.625" style="1" customWidth="1"/>
    <col min="483" max="512" width="9" style="1"/>
    <col min="513" max="738" width="0.625" style="1" customWidth="1"/>
    <col min="739" max="768" width="9" style="1"/>
    <col min="769" max="994" width="0.625" style="1" customWidth="1"/>
    <col min="995" max="1024" width="9" style="1"/>
    <col min="1025" max="1250" width="0.625" style="1" customWidth="1"/>
    <col min="1251" max="1280" width="9" style="1"/>
    <col min="1281" max="1506" width="0.625" style="1" customWidth="1"/>
    <col min="1507" max="1536" width="9" style="1"/>
    <col min="1537" max="1762" width="0.625" style="1" customWidth="1"/>
    <col min="1763" max="1792" width="9" style="1"/>
    <col min="1793" max="2018" width="0.625" style="1" customWidth="1"/>
    <col min="2019" max="2048" width="9" style="1"/>
    <col min="2049" max="2274" width="0.625" style="1" customWidth="1"/>
    <col min="2275" max="2304" width="9" style="1"/>
    <col min="2305" max="2530" width="0.625" style="1" customWidth="1"/>
    <col min="2531" max="2560" width="9" style="1"/>
    <col min="2561" max="2786" width="0.625" style="1" customWidth="1"/>
    <col min="2787" max="2816" width="9" style="1"/>
    <col min="2817" max="3042" width="0.625" style="1" customWidth="1"/>
    <col min="3043" max="3072" width="9" style="1"/>
    <col min="3073" max="3298" width="0.625" style="1" customWidth="1"/>
    <col min="3299" max="3328" width="9" style="1"/>
    <col min="3329" max="3554" width="0.625" style="1" customWidth="1"/>
    <col min="3555" max="3584" width="9" style="1"/>
    <col min="3585" max="3810" width="0.625" style="1" customWidth="1"/>
    <col min="3811" max="3840" width="9" style="1"/>
    <col min="3841" max="4066" width="0.625" style="1" customWidth="1"/>
    <col min="4067" max="4096" width="9" style="1"/>
    <col min="4097" max="4322" width="0.625" style="1" customWidth="1"/>
    <col min="4323" max="4352" width="9" style="1"/>
    <col min="4353" max="4578" width="0.625" style="1" customWidth="1"/>
    <col min="4579" max="4608" width="9" style="1"/>
    <col min="4609" max="4834" width="0.625" style="1" customWidth="1"/>
    <col min="4835" max="4864" width="9" style="1"/>
    <col min="4865" max="5090" width="0.625" style="1" customWidth="1"/>
    <col min="5091" max="5120" width="9" style="1"/>
    <col min="5121" max="5346" width="0.625" style="1" customWidth="1"/>
    <col min="5347" max="5376" width="9" style="1"/>
    <col min="5377" max="5602" width="0.625" style="1" customWidth="1"/>
    <col min="5603" max="5632" width="9" style="1"/>
    <col min="5633" max="5858" width="0.625" style="1" customWidth="1"/>
    <col min="5859" max="5888" width="9" style="1"/>
    <col min="5889" max="6114" width="0.625" style="1" customWidth="1"/>
    <col min="6115" max="6144" width="9" style="1"/>
    <col min="6145" max="6370" width="0.625" style="1" customWidth="1"/>
    <col min="6371" max="6400" width="9" style="1"/>
    <col min="6401" max="6626" width="0.625" style="1" customWidth="1"/>
    <col min="6627" max="6656" width="9" style="1"/>
    <col min="6657" max="6882" width="0.625" style="1" customWidth="1"/>
    <col min="6883" max="6912" width="9" style="1"/>
    <col min="6913" max="7138" width="0.625" style="1" customWidth="1"/>
    <col min="7139" max="7168" width="9" style="1"/>
    <col min="7169" max="7394" width="0.625" style="1" customWidth="1"/>
    <col min="7395" max="7424" width="9" style="1"/>
    <col min="7425" max="7650" width="0.625" style="1" customWidth="1"/>
    <col min="7651" max="7680" width="9" style="1"/>
    <col min="7681" max="7906" width="0.625" style="1" customWidth="1"/>
    <col min="7907" max="7936" width="9" style="1"/>
    <col min="7937" max="8162" width="0.625" style="1" customWidth="1"/>
    <col min="8163" max="8192" width="9" style="1"/>
    <col min="8193" max="8418" width="0.625" style="1" customWidth="1"/>
    <col min="8419" max="8448" width="9" style="1"/>
    <col min="8449" max="8674" width="0.625" style="1" customWidth="1"/>
    <col min="8675" max="8704" width="9" style="1"/>
    <col min="8705" max="8930" width="0.625" style="1" customWidth="1"/>
    <col min="8931" max="8960" width="9" style="1"/>
    <col min="8961" max="9186" width="0.625" style="1" customWidth="1"/>
    <col min="9187" max="9216" width="9" style="1"/>
    <col min="9217" max="9442" width="0.625" style="1" customWidth="1"/>
    <col min="9443" max="9472" width="9" style="1"/>
    <col min="9473" max="9698" width="0.625" style="1" customWidth="1"/>
    <col min="9699" max="9728" width="9" style="1"/>
    <col min="9729" max="9954" width="0.625" style="1" customWidth="1"/>
    <col min="9955" max="9984" width="9" style="1"/>
    <col min="9985" max="10210" width="0.625" style="1" customWidth="1"/>
    <col min="10211" max="10240" width="9" style="1"/>
    <col min="10241" max="10466" width="0.625" style="1" customWidth="1"/>
    <col min="10467" max="10496" width="9" style="1"/>
    <col min="10497" max="10722" width="0.625" style="1" customWidth="1"/>
    <col min="10723" max="10752" width="9" style="1"/>
    <col min="10753" max="10978" width="0.625" style="1" customWidth="1"/>
    <col min="10979" max="11008" width="9" style="1"/>
    <col min="11009" max="11234" width="0.625" style="1" customWidth="1"/>
    <col min="11235" max="11264" width="9" style="1"/>
    <col min="11265" max="11490" width="0.625" style="1" customWidth="1"/>
    <col min="11491" max="11520" width="9" style="1"/>
    <col min="11521" max="11746" width="0.625" style="1" customWidth="1"/>
    <col min="11747" max="11776" width="9" style="1"/>
    <col min="11777" max="12002" width="0.625" style="1" customWidth="1"/>
    <col min="12003" max="12032" width="9" style="1"/>
    <col min="12033" max="12258" width="0.625" style="1" customWidth="1"/>
    <col min="12259" max="12288" width="9" style="1"/>
    <col min="12289" max="12514" width="0.625" style="1" customWidth="1"/>
    <col min="12515" max="12544" width="9" style="1"/>
    <col min="12545" max="12770" width="0.625" style="1" customWidth="1"/>
    <col min="12771" max="12800" width="9" style="1"/>
    <col min="12801" max="13026" width="0.625" style="1" customWidth="1"/>
    <col min="13027" max="13056" width="9" style="1"/>
    <col min="13057" max="13282" width="0.625" style="1" customWidth="1"/>
    <col min="13283" max="13312" width="9" style="1"/>
    <col min="13313" max="13538" width="0.625" style="1" customWidth="1"/>
    <col min="13539" max="13568" width="9" style="1"/>
    <col min="13569" max="13794" width="0.625" style="1" customWidth="1"/>
    <col min="13795" max="13824" width="9" style="1"/>
    <col min="13825" max="14050" width="0.625" style="1" customWidth="1"/>
    <col min="14051" max="14080" width="9" style="1"/>
    <col min="14081" max="14306" width="0.625" style="1" customWidth="1"/>
    <col min="14307" max="14336" width="9" style="1"/>
    <col min="14337" max="14562" width="0.625" style="1" customWidth="1"/>
    <col min="14563" max="14592" width="9" style="1"/>
    <col min="14593" max="14818" width="0.625" style="1" customWidth="1"/>
    <col min="14819" max="14848" width="9" style="1"/>
    <col min="14849" max="15074" width="0.625" style="1" customWidth="1"/>
    <col min="15075" max="15104" width="9" style="1"/>
    <col min="15105" max="15330" width="0.625" style="1" customWidth="1"/>
    <col min="15331" max="15360" width="9" style="1"/>
    <col min="15361" max="15586" width="0.625" style="1" customWidth="1"/>
    <col min="15587" max="15616" width="9" style="1"/>
    <col min="15617" max="15842" width="0.625" style="1" customWidth="1"/>
    <col min="15843" max="15872" width="9" style="1"/>
    <col min="15873" max="16098" width="0.625" style="1" customWidth="1"/>
    <col min="16099" max="16128" width="9" style="1"/>
    <col min="16129" max="16354" width="0.625" style="1" customWidth="1"/>
    <col min="16355" max="16384" width="9" style="1"/>
  </cols>
  <sheetData>
    <row r="1" spans="2:225" ht="10.5" customHeight="1">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84" t="s">
        <v>0</v>
      </c>
      <c r="CJ1" s="84"/>
      <c r="CK1" s="84"/>
      <c r="CL1" s="84"/>
      <c r="CM1" s="84"/>
      <c r="CN1" s="84"/>
      <c r="CO1" s="84"/>
      <c r="CP1" s="84"/>
      <c r="CQ1" s="84"/>
      <c r="CR1" s="84"/>
      <c r="CS1" s="84"/>
      <c r="CT1" s="84"/>
      <c r="CU1" s="84"/>
      <c r="CV1" s="84"/>
      <c r="CW1" s="84"/>
      <c r="CX1" s="84"/>
      <c r="CY1" s="84"/>
      <c r="CZ1" s="84"/>
      <c r="DA1" s="84"/>
      <c r="DB1" s="84"/>
      <c r="DC1" s="84"/>
      <c r="DD1" s="84"/>
      <c r="DE1" s="84"/>
      <c r="DF1" s="84"/>
      <c r="DG1" s="84"/>
      <c r="DH1" s="84"/>
      <c r="DI1" s="84"/>
      <c r="DJ1" s="84"/>
      <c r="DK1" s="84"/>
      <c r="DL1" s="84"/>
      <c r="DM1" s="84"/>
      <c r="DN1" s="84"/>
      <c r="DO1" s="84"/>
      <c r="DP1" s="84"/>
      <c r="DQ1" s="84"/>
      <c r="DR1" s="84"/>
      <c r="DS1" s="84"/>
      <c r="DT1" s="84"/>
      <c r="DU1" s="84"/>
      <c r="DV1" s="84"/>
      <c r="DW1" s="84"/>
      <c r="DX1" s="84"/>
      <c r="DY1" s="84"/>
      <c r="DZ1" s="84"/>
      <c r="EA1" s="84"/>
      <c r="EB1" s="84"/>
      <c r="EC1" s="84"/>
      <c r="ED1" s="84"/>
      <c r="EE1" s="84"/>
      <c r="EF1" s="84"/>
      <c r="EG1" s="84"/>
      <c r="EH1" s="84"/>
      <c r="EI1" s="84"/>
      <c r="EJ1" s="84"/>
      <c r="EK1" s="2"/>
      <c r="EL1" s="2"/>
      <c r="EM1" s="2"/>
      <c r="EN1" s="2"/>
      <c r="EO1" s="2"/>
    </row>
    <row r="2" spans="2:225" ht="10.5" customHeight="1">
      <c r="BV2" s="2"/>
      <c r="BW2" s="2"/>
      <c r="BX2" s="2"/>
      <c r="BY2" s="2"/>
      <c r="BZ2" s="2"/>
      <c r="CA2" s="2"/>
      <c r="CB2" s="2"/>
      <c r="CC2" s="2"/>
      <c r="CD2" s="2"/>
      <c r="CE2" s="2"/>
      <c r="CF2" s="2"/>
      <c r="CG2" s="2"/>
      <c r="CH2" s="2"/>
      <c r="CI2" s="84"/>
      <c r="CJ2" s="84"/>
      <c r="CK2" s="84"/>
      <c r="CL2" s="84"/>
      <c r="CM2" s="84"/>
      <c r="CN2" s="84"/>
      <c r="CO2" s="84"/>
      <c r="CP2" s="84"/>
      <c r="CQ2" s="84"/>
      <c r="CR2" s="84"/>
      <c r="CS2" s="84"/>
      <c r="CT2" s="84"/>
      <c r="CU2" s="84"/>
      <c r="CV2" s="84"/>
      <c r="CW2" s="84"/>
      <c r="CX2" s="84"/>
      <c r="CY2" s="84"/>
      <c r="CZ2" s="84"/>
      <c r="DA2" s="84"/>
      <c r="DB2" s="84"/>
      <c r="DC2" s="84"/>
      <c r="DD2" s="84"/>
      <c r="DE2" s="84"/>
      <c r="DF2" s="84"/>
      <c r="DG2" s="84"/>
      <c r="DH2" s="84"/>
      <c r="DI2" s="84"/>
      <c r="DJ2" s="84"/>
      <c r="DK2" s="84"/>
      <c r="DL2" s="84"/>
      <c r="DM2" s="84"/>
      <c r="DN2" s="84"/>
      <c r="DO2" s="84"/>
      <c r="DP2" s="84"/>
      <c r="DQ2" s="84"/>
      <c r="DR2" s="84"/>
      <c r="DS2" s="84"/>
      <c r="DT2" s="84"/>
      <c r="DU2" s="84"/>
      <c r="DV2" s="84"/>
      <c r="DW2" s="84"/>
      <c r="DX2" s="84"/>
      <c r="DY2" s="84"/>
      <c r="DZ2" s="84"/>
      <c r="EA2" s="84"/>
      <c r="EB2" s="84"/>
      <c r="EC2" s="84"/>
      <c r="ED2" s="84"/>
      <c r="EE2" s="84"/>
      <c r="EF2" s="84"/>
      <c r="EG2" s="84"/>
      <c r="EH2" s="84"/>
      <c r="EI2" s="84"/>
      <c r="EJ2" s="84"/>
      <c r="EK2" s="3"/>
      <c r="EL2" s="3"/>
      <c r="EM2" s="3"/>
      <c r="EN2" s="3"/>
      <c r="EO2" s="3"/>
      <c r="GN2" s="4"/>
      <c r="GO2" s="4"/>
      <c r="GP2" s="4"/>
      <c r="GQ2" s="4"/>
      <c r="GR2" s="4"/>
    </row>
    <row r="3" spans="2:225" ht="10.5" customHeight="1">
      <c r="BV3" s="2"/>
      <c r="BW3" s="2"/>
      <c r="BX3" s="2"/>
      <c r="BY3" s="2"/>
      <c r="BZ3" s="2"/>
      <c r="CA3" s="2"/>
      <c r="CB3" s="2"/>
      <c r="CC3" s="2"/>
      <c r="CD3" s="2"/>
      <c r="CE3" s="2"/>
      <c r="CF3" s="2"/>
      <c r="CG3" s="2"/>
      <c r="CH3" s="2"/>
      <c r="CI3" s="84"/>
      <c r="CJ3" s="84"/>
      <c r="CK3" s="84"/>
      <c r="CL3" s="84"/>
      <c r="CM3" s="84"/>
      <c r="CN3" s="84"/>
      <c r="CO3" s="84"/>
      <c r="CP3" s="84"/>
      <c r="CQ3" s="84"/>
      <c r="CR3" s="84"/>
      <c r="CS3" s="84"/>
      <c r="CT3" s="84"/>
      <c r="CU3" s="84"/>
      <c r="CV3" s="84"/>
      <c r="CW3" s="84"/>
      <c r="CX3" s="84"/>
      <c r="CY3" s="84"/>
      <c r="CZ3" s="84"/>
      <c r="DA3" s="84"/>
      <c r="DB3" s="84"/>
      <c r="DC3" s="84"/>
      <c r="DD3" s="84"/>
      <c r="DE3" s="84"/>
      <c r="DF3" s="84"/>
      <c r="DG3" s="84"/>
      <c r="DH3" s="84"/>
      <c r="DI3" s="84"/>
      <c r="DJ3" s="84"/>
      <c r="DK3" s="84"/>
      <c r="DL3" s="84"/>
      <c r="DM3" s="84"/>
      <c r="DN3" s="84"/>
      <c r="DO3" s="84"/>
      <c r="DP3" s="84"/>
      <c r="DQ3" s="84"/>
      <c r="DR3" s="84"/>
      <c r="DS3" s="84"/>
      <c r="DT3" s="84"/>
      <c r="DU3" s="84"/>
      <c r="DV3" s="84"/>
      <c r="DW3" s="84"/>
      <c r="DX3" s="84"/>
      <c r="DY3" s="84"/>
      <c r="DZ3" s="84"/>
      <c r="EA3" s="84"/>
      <c r="EB3" s="84"/>
      <c r="EC3" s="84"/>
      <c r="ED3" s="84"/>
      <c r="EE3" s="84"/>
      <c r="EF3" s="84"/>
      <c r="EG3" s="84"/>
      <c r="EH3" s="84"/>
      <c r="EI3" s="84"/>
      <c r="EJ3" s="84"/>
      <c r="EK3" s="3"/>
      <c r="EL3" s="3"/>
      <c r="EM3" s="3"/>
      <c r="EN3" s="3"/>
      <c r="EO3" s="3"/>
      <c r="GD3" s="5"/>
      <c r="GN3" s="4"/>
      <c r="GO3" s="4"/>
      <c r="GP3" s="4"/>
      <c r="GQ3" s="4"/>
      <c r="GR3" s="4"/>
      <c r="GS3" s="4"/>
      <c r="GT3" s="4"/>
      <c r="GU3" s="4"/>
      <c r="GV3" s="4"/>
      <c r="GW3" s="4"/>
      <c r="GX3" s="4"/>
      <c r="GY3" s="4"/>
      <c r="GZ3" s="4"/>
      <c r="HA3" s="4"/>
      <c r="HB3" s="4"/>
      <c r="HC3" s="4"/>
      <c r="HD3" s="4"/>
      <c r="HE3" s="4"/>
      <c r="HF3" s="4"/>
      <c r="HG3" s="4"/>
      <c r="HH3" s="4"/>
      <c r="HI3" s="4"/>
      <c r="HJ3" s="4"/>
      <c r="HK3" s="4"/>
      <c r="HL3" s="4"/>
      <c r="HM3" s="4"/>
      <c r="HN3" s="4"/>
      <c r="HO3" s="4"/>
      <c r="HP3" s="4"/>
      <c r="HQ3" s="4"/>
    </row>
    <row r="4" spans="2:225" ht="6" customHeight="1">
      <c r="BV4" s="2"/>
      <c r="BW4" s="2"/>
      <c r="BX4" s="2"/>
      <c r="BY4" s="2"/>
      <c r="BZ4" s="2"/>
      <c r="CA4" s="2"/>
      <c r="CB4" s="2"/>
      <c r="CC4" s="2"/>
      <c r="CD4" s="2"/>
      <c r="CE4" s="2"/>
      <c r="CF4" s="2"/>
      <c r="CG4" s="2"/>
      <c r="CH4" s="2"/>
      <c r="CI4" s="6"/>
      <c r="CJ4" s="6"/>
      <c r="CK4" s="6"/>
      <c r="CL4" s="6"/>
      <c r="CM4" s="6"/>
      <c r="CN4" s="6"/>
      <c r="CO4" s="6"/>
      <c r="CP4" s="6"/>
      <c r="CQ4" s="6"/>
      <c r="CR4" s="6"/>
      <c r="CS4" s="6"/>
      <c r="CT4" s="6"/>
      <c r="CU4" s="6"/>
      <c r="CV4" s="6"/>
      <c r="CW4" s="6"/>
      <c r="CX4" s="6"/>
      <c r="CY4" s="6"/>
      <c r="CZ4" s="6"/>
      <c r="DA4" s="6"/>
      <c r="DB4" s="6"/>
      <c r="DC4" s="6"/>
      <c r="DD4" s="6"/>
      <c r="DE4" s="6"/>
      <c r="DF4" s="6"/>
      <c r="DG4" s="6"/>
      <c r="DH4" s="6"/>
      <c r="DI4" s="6"/>
      <c r="DJ4" s="6"/>
      <c r="DK4" s="6"/>
      <c r="DL4" s="6"/>
      <c r="DM4" s="6"/>
      <c r="DN4" s="6"/>
      <c r="DO4" s="6"/>
      <c r="DP4" s="6"/>
      <c r="DQ4" s="6"/>
      <c r="DR4" s="6"/>
      <c r="DS4" s="6"/>
      <c r="DT4" s="6"/>
      <c r="DU4" s="6"/>
      <c r="DV4" s="6"/>
      <c r="DW4" s="6"/>
      <c r="DX4" s="6"/>
      <c r="DY4" s="6"/>
      <c r="DZ4" s="6"/>
      <c r="EA4" s="6"/>
      <c r="EB4" s="6"/>
      <c r="EC4" s="6"/>
      <c r="ED4" s="6"/>
      <c r="EE4" s="6"/>
      <c r="EF4" s="6"/>
      <c r="EG4" s="6"/>
      <c r="EH4" s="6"/>
      <c r="EI4" s="6"/>
      <c r="EJ4" s="6"/>
      <c r="EK4" s="3"/>
      <c r="EL4" s="3"/>
      <c r="EM4" s="3"/>
      <c r="EN4" s="85"/>
      <c r="EO4" s="86"/>
      <c r="EP4" s="89" t="s">
        <v>1</v>
      </c>
      <c r="EQ4" s="89"/>
      <c r="ER4" s="89"/>
      <c r="ES4" s="89"/>
      <c r="ET4" s="89"/>
      <c r="EU4" s="89"/>
      <c r="EV4" s="89"/>
      <c r="EW4" s="89"/>
      <c r="EX4" s="89"/>
      <c r="EY4" s="89"/>
      <c r="EZ4" s="89"/>
      <c r="FA4" s="89"/>
      <c r="FB4" s="89"/>
      <c r="FC4" s="86"/>
      <c r="FD4" s="91"/>
      <c r="FE4" s="93"/>
      <c r="FF4" s="94"/>
      <c r="FG4" s="94"/>
      <c r="FH4" s="94"/>
      <c r="FI4" s="94"/>
      <c r="FJ4" s="94"/>
      <c r="FK4" s="94"/>
      <c r="FL4" s="94"/>
      <c r="FM4" s="94"/>
      <c r="FN4" s="94"/>
      <c r="FO4" s="94"/>
      <c r="FP4" s="94"/>
      <c r="FQ4" s="94"/>
      <c r="FR4" s="94"/>
      <c r="FS4" s="94"/>
      <c r="FT4" s="94"/>
      <c r="FU4" s="94"/>
      <c r="FV4" s="94"/>
      <c r="FW4" s="94"/>
      <c r="FX4" s="94"/>
      <c r="FY4" s="94"/>
      <c r="FZ4" s="94"/>
      <c r="GA4" s="94"/>
      <c r="GB4" s="94"/>
      <c r="GC4" s="94"/>
      <c r="GD4" s="94"/>
      <c r="GE4" s="94"/>
      <c r="GF4" s="94"/>
      <c r="GG4" s="94"/>
      <c r="GH4" s="94"/>
      <c r="GI4" s="94"/>
      <c r="GJ4" s="94"/>
      <c r="GK4" s="94"/>
      <c r="GL4" s="94"/>
      <c r="GM4" s="95"/>
      <c r="GP4" s="4"/>
      <c r="GQ4" s="4"/>
      <c r="GR4" s="4"/>
      <c r="GS4" s="4"/>
      <c r="GT4" s="4"/>
      <c r="GU4" s="4"/>
      <c r="GV4" s="4"/>
      <c r="GW4" s="4"/>
      <c r="GX4" s="4"/>
      <c r="GY4" s="4"/>
      <c r="GZ4" s="4"/>
      <c r="HA4" s="4"/>
      <c r="HB4" s="4"/>
      <c r="HC4" s="4"/>
      <c r="HD4" s="4"/>
      <c r="HE4" s="4"/>
      <c r="HF4" s="4"/>
      <c r="HG4" s="4"/>
      <c r="HH4" s="4"/>
      <c r="HI4" s="4"/>
      <c r="HJ4" s="4"/>
      <c r="HK4" s="4"/>
      <c r="HL4" s="4"/>
      <c r="HM4" s="4"/>
      <c r="HN4" s="4"/>
      <c r="HO4" s="4"/>
      <c r="HP4" s="4"/>
      <c r="HQ4" s="4"/>
    </row>
    <row r="5" spans="2:225" ht="6" customHeight="1">
      <c r="BV5" s="2"/>
      <c r="BW5" s="2"/>
      <c r="BX5" s="2"/>
      <c r="BY5" s="2"/>
      <c r="BZ5" s="2"/>
      <c r="CA5" s="2"/>
      <c r="CB5" s="2"/>
      <c r="CC5" s="2"/>
      <c r="CD5" s="2"/>
      <c r="CE5" s="2"/>
      <c r="CF5" s="2"/>
      <c r="CG5" s="2"/>
      <c r="CH5" s="2"/>
      <c r="CI5" s="2"/>
      <c r="CJ5" s="2"/>
      <c r="CK5" s="2"/>
      <c r="CL5" s="2"/>
      <c r="CM5" s="2"/>
      <c r="CN5" s="2"/>
      <c r="CO5" s="2"/>
      <c r="CP5" s="2"/>
      <c r="CQ5" s="2"/>
      <c r="CR5" s="2"/>
      <c r="CS5" s="2"/>
      <c r="CT5" s="2"/>
      <c r="CU5" s="2"/>
      <c r="CV5" s="2"/>
      <c r="CW5" s="2"/>
      <c r="CX5" s="2"/>
      <c r="CY5" s="2"/>
      <c r="CZ5" s="2"/>
      <c r="DA5" s="2"/>
      <c r="DB5" s="2"/>
      <c r="DC5" s="2"/>
      <c r="DD5" s="2"/>
      <c r="DE5" s="2"/>
      <c r="DF5" s="2"/>
      <c r="DG5" s="2"/>
      <c r="DH5" s="2"/>
      <c r="DI5" s="2"/>
      <c r="DJ5" s="2"/>
      <c r="DK5" s="2"/>
      <c r="DL5" s="2"/>
      <c r="DM5" s="2"/>
      <c r="DN5" s="2"/>
      <c r="DO5" s="2"/>
      <c r="DP5" s="2"/>
      <c r="DQ5" s="2"/>
      <c r="DR5" s="2"/>
      <c r="DS5" s="2"/>
      <c r="DT5" s="2"/>
      <c r="DU5" s="2"/>
      <c r="DV5" s="2"/>
      <c r="DW5" s="2"/>
      <c r="DX5" s="2"/>
      <c r="DY5" s="2"/>
      <c r="DZ5" s="2"/>
      <c r="EA5" s="2"/>
      <c r="EB5" s="2"/>
      <c r="EC5" s="2"/>
      <c r="ED5" s="2"/>
      <c r="EE5" s="2"/>
      <c r="EF5" s="2"/>
      <c r="EG5" s="2"/>
      <c r="EH5" s="3"/>
      <c r="EI5" s="3"/>
      <c r="EJ5" s="3"/>
      <c r="EK5" s="3"/>
      <c r="EL5" s="3"/>
      <c r="EM5" s="3"/>
      <c r="EN5" s="87"/>
      <c r="EO5" s="88"/>
      <c r="EP5" s="90"/>
      <c r="EQ5" s="90"/>
      <c r="ER5" s="90"/>
      <c r="ES5" s="90"/>
      <c r="ET5" s="90"/>
      <c r="EU5" s="90"/>
      <c r="EV5" s="90"/>
      <c r="EW5" s="90"/>
      <c r="EX5" s="90"/>
      <c r="EY5" s="90"/>
      <c r="EZ5" s="90"/>
      <c r="FA5" s="90"/>
      <c r="FB5" s="90"/>
      <c r="FC5" s="88"/>
      <c r="FD5" s="92"/>
      <c r="FE5" s="96"/>
      <c r="FF5" s="97"/>
      <c r="FG5" s="97"/>
      <c r="FH5" s="97"/>
      <c r="FI5" s="97"/>
      <c r="FJ5" s="97"/>
      <c r="FK5" s="97"/>
      <c r="FL5" s="97"/>
      <c r="FM5" s="97"/>
      <c r="FN5" s="97"/>
      <c r="FO5" s="97"/>
      <c r="FP5" s="97"/>
      <c r="FQ5" s="97"/>
      <c r="FR5" s="97"/>
      <c r="FS5" s="97"/>
      <c r="FT5" s="97"/>
      <c r="FU5" s="97"/>
      <c r="FV5" s="97"/>
      <c r="FW5" s="97"/>
      <c r="FX5" s="97"/>
      <c r="FY5" s="97"/>
      <c r="FZ5" s="97"/>
      <c r="GA5" s="97"/>
      <c r="GB5" s="97"/>
      <c r="GC5" s="97"/>
      <c r="GD5" s="97"/>
      <c r="GE5" s="97"/>
      <c r="GF5" s="97"/>
      <c r="GG5" s="97"/>
      <c r="GH5" s="97"/>
      <c r="GI5" s="97"/>
      <c r="GJ5" s="97"/>
      <c r="GK5" s="97"/>
      <c r="GL5" s="97"/>
      <c r="GM5" s="98"/>
      <c r="GP5" s="4"/>
      <c r="GQ5" s="4"/>
      <c r="GR5" s="4"/>
      <c r="GS5" s="4"/>
      <c r="GT5" s="4"/>
      <c r="GU5" s="4"/>
      <c r="GV5" s="4"/>
      <c r="GW5" s="4"/>
      <c r="GX5" s="4"/>
      <c r="GY5" s="4"/>
      <c r="GZ5" s="4"/>
      <c r="HA5" s="4"/>
      <c r="HB5" s="4"/>
      <c r="HC5" s="4"/>
      <c r="HD5" s="4"/>
      <c r="HE5" s="4"/>
      <c r="HF5" s="4"/>
      <c r="HG5" s="4"/>
      <c r="HH5" s="4"/>
      <c r="HI5" s="4"/>
      <c r="HJ5" s="4"/>
      <c r="HK5" s="4"/>
      <c r="HL5" s="4"/>
      <c r="HM5" s="4"/>
      <c r="HN5" s="4"/>
      <c r="HO5" s="4"/>
      <c r="HP5" s="4"/>
      <c r="HQ5" s="4"/>
    </row>
    <row r="6" spans="2:225" ht="6" customHeight="1">
      <c r="B6" s="2"/>
      <c r="C6" s="2"/>
      <c r="D6" s="2"/>
      <c r="E6" s="2"/>
      <c r="F6" s="2"/>
      <c r="G6" s="2"/>
      <c r="H6" s="2"/>
      <c r="I6" s="2"/>
      <c r="J6" s="2"/>
      <c r="K6" s="2"/>
      <c r="L6" s="2"/>
      <c r="M6" s="2"/>
      <c r="N6" s="2"/>
      <c r="O6" s="2"/>
      <c r="P6" s="2"/>
      <c r="Q6" s="2"/>
      <c r="R6" s="2"/>
      <c r="S6" s="2"/>
      <c r="T6" s="2"/>
      <c r="U6" s="2"/>
      <c r="V6" s="2"/>
      <c r="W6" s="2"/>
      <c r="X6" s="2"/>
      <c r="Y6" s="2"/>
      <c r="Z6" s="2"/>
      <c r="AA6" s="2"/>
      <c r="AB6" s="2"/>
      <c r="AC6" s="2"/>
      <c r="AD6" s="2"/>
      <c r="AE6" s="2"/>
      <c r="AF6" s="2"/>
      <c r="AG6" s="2"/>
      <c r="AH6" s="2"/>
      <c r="AI6" s="2"/>
      <c r="AJ6" s="2"/>
      <c r="AK6" s="2"/>
      <c r="AL6" s="2"/>
      <c r="AM6" s="2"/>
      <c r="AN6" s="2"/>
      <c r="AO6" s="2"/>
      <c r="AP6" s="2"/>
      <c r="AQ6" s="2"/>
      <c r="AR6" s="2"/>
      <c r="AS6" s="2"/>
      <c r="AT6" s="2"/>
      <c r="AU6" s="2"/>
      <c r="AV6" s="2"/>
      <c r="AW6" s="2"/>
      <c r="AX6" s="2"/>
      <c r="AY6" s="2"/>
      <c r="AZ6" s="2"/>
      <c r="BA6" s="2"/>
      <c r="BB6" s="2"/>
      <c r="CF6" s="2"/>
      <c r="CG6" s="2"/>
      <c r="CH6" s="2"/>
      <c r="CI6" s="2"/>
      <c r="CJ6" s="2"/>
      <c r="CK6" s="2"/>
      <c r="CL6" s="2"/>
      <c r="CM6" s="2"/>
      <c r="CN6" s="2"/>
      <c r="CO6" s="2"/>
      <c r="CP6" s="2"/>
      <c r="CQ6" s="2"/>
      <c r="CR6" s="2"/>
      <c r="CS6" s="2"/>
      <c r="CT6" s="2"/>
      <c r="CU6" s="2"/>
      <c r="CV6" s="2"/>
      <c r="CW6" s="2"/>
      <c r="CX6" s="2"/>
      <c r="CY6" s="2"/>
      <c r="CZ6" s="2"/>
      <c r="DA6" s="2"/>
      <c r="DB6" s="2"/>
      <c r="DC6" s="2"/>
      <c r="DD6" s="2"/>
      <c r="DE6" s="2"/>
      <c r="DF6" s="2"/>
      <c r="DG6" s="2"/>
      <c r="DH6" s="2"/>
      <c r="DI6" s="2"/>
      <c r="DJ6" s="2"/>
      <c r="DK6" s="2"/>
      <c r="DL6" s="2"/>
      <c r="DM6" s="2"/>
      <c r="DN6" s="2"/>
      <c r="DO6" s="2"/>
      <c r="DP6" s="2"/>
      <c r="DQ6" s="2"/>
      <c r="DR6" s="2"/>
      <c r="DS6" s="2"/>
      <c r="DT6" s="2"/>
      <c r="DU6" s="2"/>
      <c r="DV6" s="2"/>
      <c r="DW6" s="2"/>
      <c r="DX6" s="2"/>
      <c r="DY6" s="2"/>
      <c r="DZ6" s="2"/>
      <c r="EA6" s="2"/>
      <c r="EB6" s="2"/>
      <c r="EC6" s="2"/>
      <c r="ED6" s="2"/>
      <c r="EE6" s="2"/>
      <c r="EF6" s="2"/>
      <c r="EG6" s="2"/>
      <c r="EH6" s="3"/>
      <c r="EI6" s="3"/>
      <c r="EJ6" s="3"/>
      <c r="EK6" s="3"/>
      <c r="EL6" s="3"/>
      <c r="EM6" s="3"/>
      <c r="EN6" s="87"/>
      <c r="EO6" s="88"/>
      <c r="EP6" s="90"/>
      <c r="EQ6" s="90"/>
      <c r="ER6" s="90"/>
      <c r="ES6" s="90"/>
      <c r="ET6" s="90"/>
      <c r="EU6" s="90"/>
      <c r="EV6" s="90"/>
      <c r="EW6" s="90"/>
      <c r="EX6" s="90"/>
      <c r="EY6" s="90"/>
      <c r="EZ6" s="90"/>
      <c r="FA6" s="90"/>
      <c r="FB6" s="90"/>
      <c r="FC6" s="88"/>
      <c r="FD6" s="92"/>
      <c r="FE6" s="96"/>
      <c r="FF6" s="97"/>
      <c r="FG6" s="97"/>
      <c r="FH6" s="97"/>
      <c r="FI6" s="97"/>
      <c r="FJ6" s="97"/>
      <c r="FK6" s="97"/>
      <c r="FL6" s="97"/>
      <c r="FM6" s="97"/>
      <c r="FN6" s="97"/>
      <c r="FO6" s="97"/>
      <c r="FP6" s="97"/>
      <c r="FQ6" s="97"/>
      <c r="FR6" s="97"/>
      <c r="FS6" s="97"/>
      <c r="FT6" s="97"/>
      <c r="FU6" s="97"/>
      <c r="FV6" s="97"/>
      <c r="FW6" s="97"/>
      <c r="FX6" s="97"/>
      <c r="FY6" s="97"/>
      <c r="FZ6" s="97"/>
      <c r="GA6" s="97"/>
      <c r="GB6" s="97"/>
      <c r="GC6" s="97"/>
      <c r="GD6" s="97"/>
      <c r="GE6" s="97"/>
      <c r="GF6" s="97"/>
      <c r="GG6" s="97"/>
      <c r="GH6" s="97"/>
      <c r="GI6" s="97"/>
      <c r="GJ6" s="97"/>
      <c r="GK6" s="97"/>
      <c r="GL6" s="97"/>
      <c r="GM6" s="98"/>
      <c r="GN6" s="4"/>
      <c r="GO6" s="4"/>
      <c r="GP6" s="4"/>
      <c r="GQ6" s="4"/>
      <c r="GR6" s="4"/>
      <c r="GS6" s="4"/>
      <c r="GT6" s="4"/>
      <c r="GU6" s="4"/>
      <c r="GV6" s="4"/>
      <c r="GW6" s="4"/>
      <c r="GX6" s="4"/>
      <c r="GY6" s="4"/>
      <c r="GZ6" s="4"/>
      <c r="HA6" s="4"/>
      <c r="HB6" s="4"/>
      <c r="HC6" s="4"/>
      <c r="HD6" s="4"/>
      <c r="HE6" s="4"/>
      <c r="HF6" s="4"/>
      <c r="HG6" s="4"/>
      <c r="HH6" s="4"/>
      <c r="HI6" s="4"/>
      <c r="HJ6" s="4"/>
      <c r="HK6" s="4"/>
      <c r="HL6" s="4"/>
      <c r="HM6" s="4"/>
      <c r="HN6" s="4"/>
      <c r="HO6" s="4"/>
      <c r="HP6" s="4"/>
      <c r="HQ6" s="4"/>
    </row>
    <row r="7" spans="2:225" ht="6" customHeight="1">
      <c r="B7" s="2"/>
      <c r="C7" s="83" t="s">
        <v>73</v>
      </c>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3"/>
      <c r="AQ7" s="83"/>
      <c r="AR7" s="83"/>
      <c r="AS7" s="83"/>
      <c r="AT7" s="83"/>
      <c r="AU7" s="83"/>
      <c r="AV7" s="83"/>
      <c r="AW7" s="83"/>
      <c r="AX7" s="83"/>
      <c r="AY7" s="83"/>
      <c r="AZ7" s="83"/>
      <c r="BA7" s="83"/>
      <c r="BB7" s="83"/>
      <c r="BC7" s="83"/>
      <c r="BD7" s="2"/>
      <c r="BE7" s="2"/>
      <c r="BF7" s="2"/>
      <c r="BG7" s="2"/>
      <c r="CN7" s="2"/>
      <c r="CO7" s="2"/>
      <c r="CP7" s="2"/>
      <c r="CQ7" s="2"/>
      <c r="CR7" s="2"/>
      <c r="CS7" s="2"/>
      <c r="CT7" s="2"/>
      <c r="CU7" s="2"/>
      <c r="CV7" s="2"/>
      <c r="CW7" s="2"/>
      <c r="CX7" s="2"/>
      <c r="CY7" s="2"/>
      <c r="CZ7" s="2"/>
      <c r="DA7" s="2"/>
      <c r="DB7" s="2"/>
      <c r="DC7" s="2"/>
      <c r="DD7" s="2"/>
      <c r="DE7" s="2"/>
      <c r="DF7" s="2"/>
      <c r="DG7" s="2"/>
      <c r="DH7" s="2"/>
      <c r="DI7" s="2"/>
      <c r="DJ7" s="2"/>
      <c r="DK7" s="2"/>
      <c r="DL7" s="2"/>
      <c r="DM7" s="2"/>
      <c r="DN7" s="2"/>
      <c r="DO7" s="2"/>
      <c r="DP7" s="2"/>
      <c r="DQ7" s="2"/>
      <c r="DR7" s="2"/>
      <c r="DS7" s="2"/>
      <c r="DT7" s="2"/>
      <c r="DU7" s="2"/>
      <c r="DV7" s="2"/>
      <c r="DW7" s="2"/>
      <c r="DX7" s="2"/>
      <c r="DY7" s="2"/>
      <c r="DZ7" s="2"/>
      <c r="EA7" s="2"/>
      <c r="EB7" s="2"/>
      <c r="EC7" s="2"/>
      <c r="ED7" s="2"/>
      <c r="EE7" s="2"/>
      <c r="EF7" s="2"/>
      <c r="EG7" s="2"/>
      <c r="EH7" s="3"/>
      <c r="EI7" s="3"/>
      <c r="EJ7" s="3"/>
      <c r="EK7" s="3"/>
      <c r="EL7" s="3"/>
      <c r="EM7" s="3"/>
      <c r="EN7" s="87"/>
      <c r="EO7" s="88"/>
      <c r="EP7" s="90"/>
      <c r="EQ7" s="90"/>
      <c r="ER7" s="90"/>
      <c r="ES7" s="90"/>
      <c r="ET7" s="90"/>
      <c r="EU7" s="90"/>
      <c r="EV7" s="90"/>
      <c r="EW7" s="90"/>
      <c r="EX7" s="90"/>
      <c r="EY7" s="90"/>
      <c r="EZ7" s="90"/>
      <c r="FA7" s="90"/>
      <c r="FB7" s="90"/>
      <c r="FC7" s="88"/>
      <c r="FD7" s="92"/>
      <c r="FE7" s="99"/>
      <c r="FF7" s="100"/>
      <c r="FG7" s="100"/>
      <c r="FH7" s="100"/>
      <c r="FI7" s="100"/>
      <c r="FJ7" s="100"/>
      <c r="FK7" s="100"/>
      <c r="FL7" s="100"/>
      <c r="FM7" s="100"/>
      <c r="FN7" s="100"/>
      <c r="FO7" s="100"/>
      <c r="FP7" s="100"/>
      <c r="FQ7" s="100"/>
      <c r="FR7" s="100"/>
      <c r="FS7" s="100"/>
      <c r="FT7" s="100"/>
      <c r="FU7" s="100"/>
      <c r="FV7" s="100"/>
      <c r="FW7" s="100"/>
      <c r="FX7" s="100"/>
      <c r="FY7" s="100"/>
      <c r="FZ7" s="100"/>
      <c r="GA7" s="100"/>
      <c r="GB7" s="100"/>
      <c r="GC7" s="100"/>
      <c r="GD7" s="100"/>
      <c r="GE7" s="100"/>
      <c r="GF7" s="100"/>
      <c r="GG7" s="100"/>
      <c r="GH7" s="100"/>
      <c r="GI7" s="100"/>
      <c r="GJ7" s="100"/>
      <c r="GK7" s="100"/>
      <c r="GL7" s="100"/>
      <c r="GM7" s="101"/>
      <c r="GN7" s="7"/>
      <c r="GO7" s="7"/>
      <c r="GP7" s="7"/>
      <c r="GQ7" s="7"/>
      <c r="GR7" s="7"/>
      <c r="GS7" s="7"/>
      <c r="GT7" s="7"/>
      <c r="GU7" s="7"/>
      <c r="GV7" s="7"/>
      <c r="GW7" s="7"/>
      <c r="GX7" s="7"/>
      <c r="GY7" s="7"/>
      <c r="GZ7" s="7"/>
      <c r="HA7" s="7"/>
      <c r="HB7" s="7"/>
      <c r="HC7" s="7"/>
      <c r="HD7" s="7"/>
      <c r="HE7" s="7"/>
      <c r="HF7" s="7"/>
      <c r="HG7" s="7"/>
      <c r="HH7" s="7"/>
      <c r="HI7" s="7"/>
      <c r="HJ7" s="7"/>
      <c r="HK7" s="7"/>
      <c r="HL7" s="7"/>
      <c r="HM7" s="7"/>
      <c r="HN7" s="7"/>
      <c r="HO7" s="7"/>
      <c r="HP7" s="7"/>
      <c r="HQ7" s="7"/>
    </row>
    <row r="8" spans="2:225" ht="6" customHeight="1">
      <c r="B8" s="2"/>
      <c r="C8" s="83"/>
      <c r="D8" s="83"/>
      <c r="E8" s="83"/>
      <c r="F8" s="83"/>
      <c r="G8" s="83"/>
      <c r="H8" s="83"/>
      <c r="I8" s="83"/>
      <c r="J8" s="83"/>
      <c r="K8" s="83"/>
      <c r="L8" s="83"/>
      <c r="M8" s="83"/>
      <c r="N8" s="83"/>
      <c r="O8" s="83"/>
      <c r="P8" s="83"/>
      <c r="Q8" s="83"/>
      <c r="R8" s="83"/>
      <c r="S8" s="83"/>
      <c r="T8" s="83"/>
      <c r="U8" s="83"/>
      <c r="V8" s="83"/>
      <c r="W8" s="83"/>
      <c r="X8" s="83"/>
      <c r="Y8" s="83"/>
      <c r="Z8" s="83"/>
      <c r="AA8" s="83"/>
      <c r="AB8" s="83"/>
      <c r="AC8" s="83"/>
      <c r="AD8" s="83"/>
      <c r="AE8" s="83"/>
      <c r="AF8" s="83"/>
      <c r="AG8" s="83"/>
      <c r="AH8" s="83"/>
      <c r="AI8" s="83"/>
      <c r="AJ8" s="83"/>
      <c r="AK8" s="83"/>
      <c r="AL8" s="83"/>
      <c r="AM8" s="83"/>
      <c r="AN8" s="83"/>
      <c r="AO8" s="83"/>
      <c r="AP8" s="83"/>
      <c r="AQ8" s="83"/>
      <c r="AR8" s="83"/>
      <c r="AS8" s="83"/>
      <c r="AT8" s="83"/>
      <c r="AU8" s="83"/>
      <c r="AV8" s="83"/>
      <c r="AW8" s="83"/>
      <c r="AX8" s="83"/>
      <c r="AY8" s="83"/>
      <c r="AZ8" s="83"/>
      <c r="BA8" s="83"/>
      <c r="BB8" s="83"/>
      <c r="BC8" s="83"/>
      <c r="BD8" s="2"/>
      <c r="BE8" s="2"/>
      <c r="BF8" s="2"/>
      <c r="BG8" s="2"/>
      <c r="BH8" s="2"/>
      <c r="BI8" s="2"/>
      <c r="BJ8" s="2"/>
      <c r="BK8" s="2"/>
      <c r="BL8" s="2"/>
      <c r="CN8" s="2"/>
      <c r="CO8" s="2"/>
      <c r="CP8" s="2"/>
      <c r="CQ8" s="2"/>
      <c r="CR8" s="2"/>
      <c r="CS8" s="2"/>
      <c r="CT8" s="2"/>
      <c r="CU8" s="2"/>
      <c r="CV8" s="2"/>
      <c r="CW8" s="2"/>
      <c r="CX8" s="2"/>
      <c r="CY8" s="2"/>
      <c r="CZ8" s="2"/>
      <c r="DA8" s="2"/>
      <c r="DB8" s="2"/>
      <c r="DC8" s="2"/>
      <c r="DD8" s="2"/>
      <c r="DE8" s="2"/>
      <c r="DF8" s="2"/>
      <c r="DG8" s="2"/>
      <c r="DH8" s="2"/>
      <c r="DI8" s="2"/>
      <c r="DJ8" s="2"/>
      <c r="DK8" s="2"/>
      <c r="DL8" s="2"/>
      <c r="DM8" s="2"/>
      <c r="DN8" s="2"/>
      <c r="DO8" s="2"/>
      <c r="DP8" s="2"/>
      <c r="DQ8" s="2"/>
      <c r="DR8" s="2"/>
      <c r="DS8" s="2"/>
      <c r="DT8" s="2"/>
      <c r="DU8" s="2"/>
      <c r="DV8" s="2"/>
      <c r="DW8" s="2"/>
      <c r="DX8" s="2"/>
      <c r="DY8" s="2"/>
      <c r="DZ8" s="2"/>
      <c r="EA8" s="2"/>
      <c r="EB8" s="2"/>
      <c r="EC8" s="2"/>
      <c r="ED8" s="2"/>
      <c r="EE8" s="2"/>
      <c r="EF8" s="2"/>
      <c r="EG8" s="2"/>
      <c r="EH8" s="3"/>
      <c r="EI8" s="3"/>
      <c r="EJ8" s="3"/>
      <c r="EK8" s="3"/>
      <c r="EL8" s="3"/>
      <c r="EM8" s="3"/>
      <c r="EN8" s="8"/>
      <c r="EO8" s="9"/>
      <c r="EP8" s="102" t="s">
        <v>2</v>
      </c>
      <c r="EQ8" s="102"/>
      <c r="ER8" s="102"/>
      <c r="ES8" s="102"/>
      <c r="ET8" s="102"/>
      <c r="EU8" s="102"/>
      <c r="EV8" s="102"/>
      <c r="EW8" s="102"/>
      <c r="EX8" s="102"/>
      <c r="EY8" s="102"/>
      <c r="EZ8" s="102"/>
      <c r="FA8" s="102"/>
      <c r="FB8" s="102"/>
      <c r="FC8" s="10"/>
      <c r="FD8" s="10"/>
      <c r="FE8" s="10"/>
      <c r="FF8" s="104"/>
      <c r="FG8" s="104"/>
      <c r="FH8" s="104"/>
      <c r="FI8" s="104"/>
      <c r="FJ8" s="104"/>
      <c r="FK8" s="104"/>
      <c r="FL8" s="104"/>
      <c r="FM8" s="104"/>
      <c r="FN8" s="104"/>
      <c r="FO8" s="104"/>
      <c r="FP8" s="104"/>
      <c r="FQ8" s="104"/>
      <c r="FR8" s="104"/>
      <c r="FS8" s="104"/>
      <c r="FT8" s="104"/>
      <c r="FU8" s="104"/>
      <c r="FV8" s="104"/>
      <c r="FW8" s="104"/>
      <c r="FX8" s="104"/>
      <c r="FY8" s="104"/>
      <c r="FZ8" s="104"/>
      <c r="GA8" s="104"/>
      <c r="GB8" s="104"/>
      <c r="GC8" s="104"/>
      <c r="GD8" s="104"/>
      <c r="GE8" s="104"/>
      <c r="GF8" s="104"/>
      <c r="GG8" s="104"/>
      <c r="GH8" s="104"/>
      <c r="GI8" s="104"/>
      <c r="GJ8" s="104"/>
      <c r="GK8" s="104"/>
      <c r="GL8" s="104"/>
      <c r="GM8" s="104"/>
      <c r="GN8" s="104"/>
      <c r="GO8" s="104"/>
      <c r="GP8" s="104"/>
      <c r="GQ8" s="104"/>
      <c r="GR8" s="104"/>
      <c r="GS8" s="104"/>
      <c r="GT8" s="104"/>
      <c r="GU8" s="104"/>
      <c r="GV8" s="104"/>
      <c r="GW8" s="104"/>
      <c r="GX8" s="104"/>
      <c r="GY8" s="104"/>
      <c r="GZ8" s="104"/>
      <c r="HA8" s="104"/>
      <c r="HB8" s="104"/>
      <c r="HC8" s="104"/>
      <c r="HD8" s="104"/>
      <c r="HE8" s="104"/>
      <c r="HF8" s="11"/>
      <c r="HG8" s="11"/>
      <c r="HH8" s="12"/>
      <c r="HI8" s="12"/>
      <c r="HJ8" s="12"/>
      <c r="HK8" s="12"/>
      <c r="HL8" s="9"/>
      <c r="HM8" s="9"/>
      <c r="HN8" s="13"/>
      <c r="HO8" s="13"/>
      <c r="HP8" s="13"/>
      <c r="HQ8" s="14"/>
    </row>
    <row r="9" spans="2:225" ht="6" customHeight="1">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3"/>
      <c r="AQ9" s="83"/>
      <c r="AR9" s="83"/>
      <c r="AS9" s="83"/>
      <c r="AT9" s="83"/>
      <c r="AU9" s="83"/>
      <c r="AV9" s="83"/>
      <c r="AW9" s="83"/>
      <c r="AX9" s="83"/>
      <c r="AY9" s="83"/>
      <c r="AZ9" s="83"/>
      <c r="BA9" s="83"/>
      <c r="BB9" s="83"/>
      <c r="BC9" s="83"/>
      <c r="BD9" s="15"/>
      <c r="BE9" s="15"/>
      <c r="BF9" s="106" t="s">
        <v>3</v>
      </c>
      <c r="BG9" s="106"/>
      <c r="BH9" s="106"/>
      <c r="BI9" s="106"/>
      <c r="BJ9" s="106"/>
      <c r="BK9" s="106"/>
      <c r="BL9" s="106"/>
      <c r="BM9" s="106"/>
      <c r="BN9" s="15"/>
      <c r="BO9" s="2"/>
      <c r="BP9" s="2"/>
      <c r="CN9" s="2"/>
      <c r="CO9" s="2"/>
      <c r="CP9" s="2"/>
      <c r="CQ9" s="2"/>
      <c r="CR9" s="2"/>
      <c r="CS9" s="2"/>
      <c r="CT9" s="2"/>
      <c r="CU9" s="2"/>
      <c r="CV9" s="2"/>
      <c r="CW9" s="2"/>
      <c r="CX9" s="2"/>
      <c r="CY9" s="2"/>
      <c r="CZ9" s="2"/>
      <c r="DA9" s="2"/>
      <c r="DB9" s="2"/>
      <c r="DC9" s="2"/>
      <c r="DD9" s="2"/>
      <c r="DE9" s="2"/>
      <c r="DF9" s="2"/>
      <c r="DG9" s="2"/>
      <c r="DH9" s="2"/>
      <c r="DI9" s="2"/>
      <c r="DJ9" s="2"/>
      <c r="DK9" s="2"/>
      <c r="DL9" s="2"/>
      <c r="DM9" s="2"/>
      <c r="DN9" s="2"/>
      <c r="DO9" s="2"/>
      <c r="DP9" s="2"/>
      <c r="DQ9" s="2"/>
      <c r="DR9" s="2"/>
      <c r="DS9" s="2"/>
      <c r="DT9" s="2"/>
      <c r="DU9" s="2"/>
      <c r="DV9" s="2"/>
      <c r="DW9" s="2"/>
      <c r="DX9" s="2"/>
      <c r="DY9" s="2"/>
      <c r="DZ9" s="2"/>
      <c r="EA9" s="2"/>
      <c r="EB9" s="2"/>
      <c r="EC9" s="2"/>
      <c r="ED9" s="2"/>
      <c r="EE9" s="2"/>
      <c r="EF9" s="2"/>
      <c r="EG9" s="2"/>
      <c r="EH9" s="2"/>
      <c r="EI9" s="2"/>
      <c r="EJ9" s="2"/>
      <c r="EK9" s="2"/>
      <c r="EL9" s="2"/>
      <c r="EM9" s="2"/>
      <c r="EN9" s="16"/>
      <c r="EO9" s="3"/>
      <c r="EP9" s="103"/>
      <c r="EQ9" s="103"/>
      <c r="ER9" s="103"/>
      <c r="ES9" s="103"/>
      <c r="ET9" s="103"/>
      <c r="EU9" s="103"/>
      <c r="EV9" s="103"/>
      <c r="EW9" s="103"/>
      <c r="EX9" s="103"/>
      <c r="EY9" s="103"/>
      <c r="EZ9" s="103"/>
      <c r="FA9" s="103"/>
      <c r="FB9" s="103"/>
      <c r="FC9" s="17"/>
      <c r="FD9" s="17"/>
      <c r="FE9" s="17"/>
      <c r="FF9" s="105"/>
      <c r="FG9" s="105"/>
      <c r="FH9" s="105"/>
      <c r="FI9" s="105"/>
      <c r="FJ9" s="105"/>
      <c r="FK9" s="105"/>
      <c r="FL9" s="105"/>
      <c r="FM9" s="105"/>
      <c r="FN9" s="105"/>
      <c r="FO9" s="105"/>
      <c r="FP9" s="105"/>
      <c r="FQ9" s="105"/>
      <c r="FR9" s="105"/>
      <c r="FS9" s="105"/>
      <c r="FT9" s="105"/>
      <c r="FU9" s="105"/>
      <c r="FV9" s="105"/>
      <c r="FW9" s="105"/>
      <c r="FX9" s="105"/>
      <c r="FY9" s="105"/>
      <c r="FZ9" s="105"/>
      <c r="GA9" s="105"/>
      <c r="GB9" s="105"/>
      <c r="GC9" s="105"/>
      <c r="GD9" s="105"/>
      <c r="GE9" s="105"/>
      <c r="GF9" s="105"/>
      <c r="GG9" s="105"/>
      <c r="GH9" s="105"/>
      <c r="GI9" s="105"/>
      <c r="GJ9" s="105"/>
      <c r="GK9" s="105"/>
      <c r="GL9" s="105"/>
      <c r="GM9" s="105"/>
      <c r="GN9" s="105"/>
      <c r="GO9" s="105"/>
      <c r="GP9" s="105"/>
      <c r="GQ9" s="105"/>
      <c r="GR9" s="105"/>
      <c r="GS9" s="105"/>
      <c r="GT9" s="105"/>
      <c r="GU9" s="105"/>
      <c r="GV9" s="105"/>
      <c r="GW9" s="105"/>
      <c r="GX9" s="105"/>
      <c r="GY9" s="105"/>
      <c r="GZ9" s="105"/>
      <c r="HA9" s="105"/>
      <c r="HB9" s="105"/>
      <c r="HC9" s="105"/>
      <c r="HD9" s="105"/>
      <c r="HE9" s="105"/>
      <c r="HH9" s="18"/>
      <c r="HI9" s="18"/>
      <c r="HJ9" s="18"/>
      <c r="HK9" s="18"/>
      <c r="HL9" s="3"/>
      <c r="HM9" s="3"/>
      <c r="HN9" s="2"/>
      <c r="HO9" s="2"/>
      <c r="HP9" s="2"/>
      <c r="HQ9" s="19"/>
    </row>
    <row r="10" spans="2:225" ht="6" customHeight="1">
      <c r="B10" s="2"/>
      <c r="C10" s="83"/>
      <c r="D10" s="83"/>
      <c r="E10" s="83"/>
      <c r="F10" s="83"/>
      <c r="G10" s="83"/>
      <c r="H10" s="83"/>
      <c r="I10" s="83"/>
      <c r="J10" s="83"/>
      <c r="K10" s="83"/>
      <c r="L10" s="83"/>
      <c r="M10" s="83"/>
      <c r="N10" s="83"/>
      <c r="O10" s="83"/>
      <c r="P10" s="83"/>
      <c r="Q10" s="83"/>
      <c r="R10" s="83"/>
      <c r="S10" s="83"/>
      <c r="T10" s="83"/>
      <c r="U10" s="83"/>
      <c r="V10" s="83"/>
      <c r="W10" s="83"/>
      <c r="X10" s="83"/>
      <c r="Y10" s="83"/>
      <c r="Z10" s="83"/>
      <c r="AA10" s="83"/>
      <c r="AB10" s="83"/>
      <c r="AC10" s="83"/>
      <c r="AD10" s="83"/>
      <c r="AE10" s="83"/>
      <c r="AF10" s="83"/>
      <c r="AG10" s="83"/>
      <c r="AH10" s="83"/>
      <c r="AI10" s="83"/>
      <c r="AJ10" s="83"/>
      <c r="AK10" s="83"/>
      <c r="AL10" s="83"/>
      <c r="AM10" s="83"/>
      <c r="AN10" s="83"/>
      <c r="AO10" s="83"/>
      <c r="AP10" s="83"/>
      <c r="AQ10" s="83"/>
      <c r="AR10" s="83"/>
      <c r="AS10" s="83"/>
      <c r="AT10" s="83"/>
      <c r="AU10" s="83"/>
      <c r="AV10" s="83"/>
      <c r="AW10" s="83"/>
      <c r="AX10" s="83"/>
      <c r="AY10" s="83"/>
      <c r="AZ10" s="83"/>
      <c r="BA10" s="83"/>
      <c r="BB10" s="83"/>
      <c r="BC10" s="83"/>
      <c r="BD10" s="15"/>
      <c r="BE10" s="15"/>
      <c r="BF10" s="106"/>
      <c r="BG10" s="106"/>
      <c r="BH10" s="106"/>
      <c r="BI10" s="106"/>
      <c r="BJ10" s="106"/>
      <c r="BK10" s="106"/>
      <c r="BL10" s="106"/>
      <c r="BM10" s="106"/>
      <c r="BN10" s="15"/>
      <c r="BO10" s="20"/>
      <c r="BP10" s="20"/>
      <c r="CN10" s="20"/>
      <c r="CO10" s="20"/>
      <c r="CP10" s="20"/>
      <c r="CQ10" s="20"/>
      <c r="CR10" s="20"/>
      <c r="CS10" s="20"/>
      <c r="CT10" s="20"/>
      <c r="CU10" s="20"/>
      <c r="CV10" s="20"/>
      <c r="CW10" s="20"/>
      <c r="CX10" s="20"/>
      <c r="CY10" s="20"/>
      <c r="CZ10" s="20"/>
      <c r="DA10" s="20"/>
      <c r="DB10" s="20"/>
      <c r="DC10" s="20"/>
      <c r="DD10" s="20"/>
      <c r="DE10" s="20"/>
      <c r="DF10" s="20"/>
      <c r="DG10" s="20"/>
      <c r="DH10" s="20"/>
      <c r="DI10" s="20"/>
      <c r="DJ10" s="20"/>
      <c r="DK10" s="20"/>
      <c r="DL10" s="20"/>
      <c r="DM10" s="20"/>
      <c r="DN10" s="20"/>
      <c r="DO10" s="20"/>
      <c r="DP10" s="20"/>
      <c r="DQ10" s="20"/>
      <c r="DR10" s="20"/>
      <c r="DS10" s="20"/>
      <c r="DT10" s="20"/>
      <c r="DU10" s="20"/>
      <c r="DV10" s="20"/>
      <c r="DW10" s="20"/>
      <c r="DX10" s="20"/>
      <c r="DY10" s="20"/>
      <c r="DZ10" s="3"/>
      <c r="EA10" s="3"/>
      <c r="EB10" s="3"/>
      <c r="EC10" s="3"/>
      <c r="ED10" s="3"/>
      <c r="EE10" s="3"/>
      <c r="EF10" s="3"/>
      <c r="EG10" s="3"/>
      <c r="EH10" s="3"/>
      <c r="EI10" s="2"/>
      <c r="EJ10" s="2"/>
      <c r="EK10" s="2"/>
      <c r="EL10" s="2"/>
      <c r="EM10" s="2"/>
      <c r="EN10" s="16"/>
      <c r="EO10" s="3"/>
      <c r="EP10" s="103"/>
      <c r="EQ10" s="103"/>
      <c r="ER10" s="103"/>
      <c r="ES10" s="103"/>
      <c r="ET10" s="103"/>
      <c r="EU10" s="103"/>
      <c r="EV10" s="103"/>
      <c r="EW10" s="103"/>
      <c r="EX10" s="103"/>
      <c r="EY10" s="103"/>
      <c r="EZ10" s="103"/>
      <c r="FA10" s="103"/>
      <c r="FB10" s="103"/>
      <c r="FC10" s="17"/>
      <c r="FD10" s="17"/>
      <c r="FE10" s="17"/>
      <c r="FF10" s="105"/>
      <c r="FG10" s="105"/>
      <c r="FH10" s="105"/>
      <c r="FI10" s="105"/>
      <c r="FJ10" s="105"/>
      <c r="FK10" s="105"/>
      <c r="FL10" s="105"/>
      <c r="FM10" s="105"/>
      <c r="FN10" s="105"/>
      <c r="FO10" s="105"/>
      <c r="FP10" s="105"/>
      <c r="FQ10" s="105"/>
      <c r="FR10" s="105"/>
      <c r="FS10" s="105"/>
      <c r="FT10" s="105"/>
      <c r="FU10" s="105"/>
      <c r="FV10" s="105"/>
      <c r="FW10" s="105"/>
      <c r="FX10" s="105"/>
      <c r="FY10" s="105"/>
      <c r="FZ10" s="105"/>
      <c r="GA10" s="105"/>
      <c r="GB10" s="105"/>
      <c r="GC10" s="105"/>
      <c r="GD10" s="105"/>
      <c r="GE10" s="105"/>
      <c r="GF10" s="105"/>
      <c r="GG10" s="105"/>
      <c r="GH10" s="105"/>
      <c r="GI10" s="105"/>
      <c r="GJ10" s="105"/>
      <c r="GK10" s="105"/>
      <c r="GL10" s="105"/>
      <c r="GM10" s="105"/>
      <c r="GN10" s="105"/>
      <c r="GO10" s="105"/>
      <c r="GP10" s="105"/>
      <c r="GQ10" s="105"/>
      <c r="GR10" s="105"/>
      <c r="GS10" s="105"/>
      <c r="GT10" s="105"/>
      <c r="GU10" s="105"/>
      <c r="GV10" s="105"/>
      <c r="GW10" s="105"/>
      <c r="GX10" s="105"/>
      <c r="GY10" s="105"/>
      <c r="GZ10" s="105"/>
      <c r="HA10" s="105"/>
      <c r="HB10" s="105"/>
      <c r="HC10" s="105"/>
      <c r="HD10" s="105"/>
      <c r="HE10" s="105"/>
      <c r="HH10" s="18"/>
      <c r="HI10" s="18"/>
      <c r="HJ10" s="18"/>
      <c r="HK10" s="18"/>
      <c r="HL10" s="3"/>
      <c r="HM10" s="3"/>
      <c r="HN10" s="2"/>
      <c r="HO10" s="2"/>
      <c r="HP10" s="2"/>
      <c r="HQ10" s="19"/>
    </row>
    <row r="11" spans="2:225" ht="6" customHeight="1">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BE11" s="21"/>
      <c r="BF11" s="21"/>
      <c r="BG11" s="21"/>
      <c r="BH11" s="21"/>
      <c r="BI11" s="21"/>
      <c r="BJ11" s="21"/>
      <c r="BK11" s="21"/>
      <c r="BL11" s="21"/>
      <c r="BM11" s="21"/>
      <c r="BN11" s="21"/>
      <c r="BO11" s="20"/>
      <c r="BP11" s="20"/>
      <c r="BQ11" s="20"/>
      <c r="BR11" s="20"/>
      <c r="BS11" s="20"/>
      <c r="BT11" s="20"/>
      <c r="BU11" s="20"/>
      <c r="BV11" s="20"/>
      <c r="BW11" s="20"/>
      <c r="BX11" s="20"/>
      <c r="BY11" s="20"/>
      <c r="BZ11" s="20"/>
      <c r="CN11" s="20"/>
      <c r="CO11" s="20"/>
      <c r="CP11" s="20"/>
      <c r="CQ11" s="20"/>
      <c r="CR11" s="20"/>
      <c r="CS11" s="20"/>
      <c r="CT11" s="20"/>
      <c r="CU11" s="20"/>
      <c r="CV11" s="20"/>
      <c r="CW11" s="20"/>
      <c r="CX11" s="20"/>
      <c r="CY11" s="20"/>
      <c r="CZ11" s="20"/>
      <c r="DA11" s="20"/>
      <c r="DB11" s="20"/>
      <c r="DC11" s="20"/>
      <c r="DD11" s="20"/>
      <c r="DE11" s="20"/>
      <c r="DF11" s="20"/>
      <c r="DG11" s="20"/>
      <c r="DH11" s="20"/>
      <c r="DI11" s="20"/>
      <c r="DJ11" s="20"/>
      <c r="DK11" s="20"/>
      <c r="DL11" s="20"/>
      <c r="DM11" s="20"/>
      <c r="DN11" s="20"/>
      <c r="DO11" s="20"/>
      <c r="DP11" s="20"/>
      <c r="DQ11" s="20"/>
      <c r="DR11" s="20"/>
      <c r="DS11" s="20"/>
      <c r="DT11" s="20"/>
      <c r="DU11" s="20"/>
      <c r="DV11" s="20"/>
      <c r="DW11" s="20"/>
      <c r="DX11" s="20"/>
      <c r="DY11" s="20"/>
      <c r="DZ11" s="3"/>
      <c r="EA11" s="3"/>
      <c r="EB11" s="3"/>
      <c r="EC11" s="3"/>
      <c r="ED11" s="3"/>
      <c r="EE11" s="3"/>
      <c r="EF11" s="3"/>
      <c r="EG11" s="3"/>
      <c r="EH11" s="3"/>
      <c r="EI11" s="2"/>
      <c r="EJ11" s="2"/>
      <c r="EK11" s="2"/>
      <c r="EL11" s="2"/>
      <c r="EM11" s="2"/>
      <c r="EN11" s="16"/>
      <c r="EO11" s="3"/>
      <c r="EP11" s="103" t="s">
        <v>4</v>
      </c>
      <c r="EQ11" s="103"/>
      <c r="ER11" s="103"/>
      <c r="ES11" s="103"/>
      <c r="ET11" s="103"/>
      <c r="EU11" s="103"/>
      <c r="EV11" s="103"/>
      <c r="EW11" s="103"/>
      <c r="EX11" s="103"/>
      <c r="EY11" s="103"/>
      <c r="EZ11" s="103"/>
      <c r="FA11" s="103"/>
      <c r="FB11" s="103"/>
      <c r="FC11" s="17"/>
      <c r="FD11" s="17"/>
      <c r="FE11" s="17"/>
      <c r="FF11" s="142"/>
      <c r="FG11" s="142"/>
      <c r="FH11" s="142"/>
      <c r="FI11" s="142"/>
      <c r="FJ11" s="142"/>
      <c r="FK11" s="142"/>
      <c r="FL11" s="142"/>
      <c r="FM11" s="142"/>
      <c r="FN11" s="142"/>
      <c r="FO11" s="142"/>
      <c r="FP11" s="142"/>
      <c r="FQ11" s="142"/>
      <c r="FR11" s="142"/>
      <c r="FS11" s="142"/>
      <c r="FT11" s="142"/>
      <c r="FU11" s="142"/>
      <c r="FV11" s="142"/>
      <c r="FW11" s="142"/>
      <c r="FX11" s="142"/>
      <c r="FY11" s="142"/>
      <c r="FZ11" s="142"/>
      <c r="GA11" s="142"/>
      <c r="GB11" s="142"/>
      <c r="GC11" s="142"/>
      <c r="GD11" s="142"/>
      <c r="GE11" s="142"/>
      <c r="GF11" s="142"/>
      <c r="GG11" s="142"/>
      <c r="GH11" s="142"/>
      <c r="GI11" s="142"/>
      <c r="GJ11" s="142"/>
      <c r="GK11" s="142"/>
      <c r="GL11" s="142"/>
      <c r="GM11" s="142"/>
      <c r="GN11" s="142"/>
      <c r="GO11" s="142"/>
      <c r="GP11" s="142"/>
      <c r="GQ11" s="142"/>
      <c r="GR11" s="142"/>
      <c r="GS11" s="142"/>
      <c r="GT11" s="142"/>
      <c r="GU11" s="142"/>
      <c r="GV11" s="142"/>
      <c r="GW11" s="142"/>
      <c r="GX11" s="142"/>
      <c r="GY11" s="142"/>
      <c r="GZ11" s="142"/>
      <c r="HA11" s="142"/>
      <c r="HB11" s="142"/>
      <c r="HC11" s="142"/>
      <c r="HD11" s="142"/>
      <c r="HE11" s="142"/>
      <c r="HH11" s="22"/>
      <c r="HO11" s="2"/>
      <c r="HP11" s="2"/>
      <c r="HQ11" s="19"/>
    </row>
    <row r="12" spans="2:225" ht="6" customHeight="1">
      <c r="B12" s="20"/>
      <c r="C12" s="20"/>
      <c r="D12" s="20"/>
      <c r="E12" s="20"/>
      <c r="F12" s="20"/>
      <c r="G12" s="20"/>
      <c r="H12" s="20"/>
      <c r="I12" s="20"/>
      <c r="J12" s="20"/>
      <c r="K12" s="20"/>
      <c r="L12" s="20"/>
      <c r="M12" s="20"/>
      <c r="N12" s="20"/>
      <c r="O12" s="20"/>
      <c r="P12" s="20"/>
      <c r="Q12" s="20"/>
      <c r="R12" s="20"/>
      <c r="S12" s="20"/>
      <c r="T12" s="20"/>
      <c r="U12" s="20"/>
      <c r="V12" s="20"/>
      <c r="W12" s="20"/>
      <c r="X12" s="20"/>
      <c r="Y12" s="20"/>
      <c r="Z12" s="20"/>
      <c r="AA12" s="20"/>
      <c r="AB12" s="20"/>
      <c r="AC12" s="20"/>
      <c r="AD12" s="20"/>
      <c r="AE12" s="20"/>
      <c r="AF12" s="20"/>
      <c r="AG12" s="20"/>
      <c r="AH12" s="20"/>
      <c r="AI12" s="20"/>
      <c r="AJ12" s="20"/>
      <c r="AK12" s="20"/>
      <c r="AL12" s="20"/>
      <c r="AM12" s="20"/>
      <c r="AN12" s="20"/>
      <c r="AO12" s="20"/>
      <c r="AP12" s="20"/>
      <c r="AQ12" s="20"/>
      <c r="AR12" s="20"/>
      <c r="AS12" s="20"/>
      <c r="AT12" s="20"/>
      <c r="AU12" s="23"/>
      <c r="AV12" s="23"/>
      <c r="AW12" s="23"/>
      <c r="AX12" s="23"/>
      <c r="AY12" s="23"/>
      <c r="AZ12" s="23"/>
      <c r="BA12" s="23"/>
      <c r="BB12" s="23"/>
      <c r="BC12" s="23"/>
      <c r="BD12" s="23"/>
      <c r="BE12" s="2"/>
      <c r="BF12" s="2"/>
      <c r="BG12" s="2"/>
      <c r="BH12" s="2"/>
      <c r="BI12" s="2"/>
      <c r="BJ12" s="2"/>
      <c r="BK12" s="2"/>
      <c r="BL12" s="2"/>
      <c r="BM12" s="2"/>
      <c r="BN12" s="2"/>
      <c r="BO12" s="2"/>
      <c r="BP12" s="2"/>
      <c r="BQ12" s="2"/>
      <c r="BR12" s="2"/>
      <c r="BS12" s="2"/>
      <c r="BT12" s="2"/>
      <c r="BU12" s="2"/>
      <c r="BV12" s="2"/>
      <c r="EI12" s="2"/>
      <c r="EJ12" s="2"/>
      <c r="EK12" s="2"/>
      <c r="EL12" s="2"/>
      <c r="EM12" s="2"/>
      <c r="EN12" s="16"/>
      <c r="EO12" s="3"/>
      <c r="EP12" s="103"/>
      <c r="EQ12" s="103"/>
      <c r="ER12" s="103"/>
      <c r="ES12" s="103"/>
      <c r="ET12" s="103"/>
      <c r="EU12" s="103"/>
      <c r="EV12" s="103"/>
      <c r="EW12" s="103"/>
      <c r="EX12" s="103"/>
      <c r="EY12" s="103"/>
      <c r="EZ12" s="103"/>
      <c r="FA12" s="103"/>
      <c r="FB12" s="103"/>
      <c r="FC12" s="17"/>
      <c r="FD12" s="17"/>
      <c r="FE12" s="17"/>
      <c r="FF12" s="142"/>
      <c r="FG12" s="142"/>
      <c r="FH12" s="142"/>
      <c r="FI12" s="142"/>
      <c r="FJ12" s="142"/>
      <c r="FK12" s="142"/>
      <c r="FL12" s="142"/>
      <c r="FM12" s="142"/>
      <c r="FN12" s="142"/>
      <c r="FO12" s="142"/>
      <c r="FP12" s="142"/>
      <c r="FQ12" s="142"/>
      <c r="FR12" s="142"/>
      <c r="FS12" s="142"/>
      <c r="FT12" s="142"/>
      <c r="FU12" s="142"/>
      <c r="FV12" s="142"/>
      <c r="FW12" s="142"/>
      <c r="FX12" s="142"/>
      <c r="FY12" s="142"/>
      <c r="FZ12" s="142"/>
      <c r="GA12" s="142"/>
      <c r="GB12" s="142"/>
      <c r="GC12" s="142"/>
      <c r="GD12" s="142"/>
      <c r="GE12" s="142"/>
      <c r="GF12" s="142"/>
      <c r="GG12" s="142"/>
      <c r="GH12" s="142"/>
      <c r="GI12" s="142"/>
      <c r="GJ12" s="142"/>
      <c r="GK12" s="142"/>
      <c r="GL12" s="142"/>
      <c r="GM12" s="142"/>
      <c r="GN12" s="142"/>
      <c r="GO12" s="142"/>
      <c r="GP12" s="142"/>
      <c r="GQ12" s="142"/>
      <c r="GR12" s="142"/>
      <c r="GS12" s="142"/>
      <c r="GT12" s="142"/>
      <c r="GU12" s="142"/>
      <c r="GV12" s="142"/>
      <c r="GW12" s="142"/>
      <c r="GX12" s="142"/>
      <c r="GY12" s="142"/>
      <c r="GZ12" s="142"/>
      <c r="HA12" s="142"/>
      <c r="HB12" s="142"/>
      <c r="HC12" s="142"/>
      <c r="HD12" s="142"/>
      <c r="HE12" s="142"/>
      <c r="HH12" s="22"/>
      <c r="HO12" s="2"/>
      <c r="HP12" s="2"/>
      <c r="HQ12" s="19"/>
    </row>
    <row r="13" spans="2:225" ht="6" customHeight="1">
      <c r="B13" s="85"/>
      <c r="C13" s="108" t="s">
        <v>5</v>
      </c>
      <c r="D13" s="108"/>
      <c r="E13" s="108"/>
      <c r="F13" s="108"/>
      <c r="G13" s="108"/>
      <c r="H13" s="108"/>
      <c r="I13" s="108"/>
      <c r="J13" s="108"/>
      <c r="K13" s="108"/>
      <c r="L13" s="108"/>
      <c r="M13" s="108"/>
      <c r="N13" s="108"/>
      <c r="O13" s="108"/>
      <c r="P13" s="108"/>
      <c r="Q13" s="108"/>
      <c r="R13" s="91"/>
      <c r="S13" s="112" t="s">
        <v>6</v>
      </c>
      <c r="T13" s="113"/>
      <c r="U13" s="113"/>
      <c r="V13" s="113"/>
      <c r="W13" s="113"/>
      <c r="X13" s="113"/>
      <c r="Y13" s="113"/>
      <c r="Z13" s="118"/>
      <c r="AA13" s="118"/>
      <c r="AB13" s="118"/>
      <c r="AC13" s="118"/>
      <c r="AD13" s="118"/>
      <c r="AE13" s="118"/>
      <c r="AF13" s="118"/>
      <c r="AG13" s="118"/>
      <c r="AH13" s="118"/>
      <c r="AI13" s="118"/>
      <c r="AJ13" s="118"/>
      <c r="AK13" s="118"/>
      <c r="AL13" s="121" t="s">
        <v>7</v>
      </c>
      <c r="AM13" s="121"/>
      <c r="AN13" s="121"/>
      <c r="AO13" s="121"/>
      <c r="AP13" s="118"/>
      <c r="AQ13" s="118"/>
      <c r="AR13" s="118"/>
      <c r="AS13" s="118"/>
      <c r="AT13" s="118"/>
      <c r="AU13" s="118"/>
      <c r="AV13" s="118"/>
      <c r="AW13" s="118"/>
      <c r="AX13" s="121" t="s">
        <v>8</v>
      </c>
      <c r="AY13" s="121"/>
      <c r="AZ13" s="121"/>
      <c r="BA13" s="121"/>
      <c r="BB13" s="118"/>
      <c r="BC13" s="118"/>
      <c r="BD13" s="118"/>
      <c r="BE13" s="118"/>
      <c r="BF13" s="118"/>
      <c r="BG13" s="118"/>
      <c r="BH13" s="118"/>
      <c r="BI13" s="118"/>
      <c r="BJ13" s="121" t="s">
        <v>9</v>
      </c>
      <c r="BK13" s="121"/>
      <c r="BL13" s="121"/>
      <c r="BM13" s="178"/>
      <c r="BO13" s="2"/>
      <c r="BP13" s="2"/>
      <c r="EK13" s="2"/>
      <c r="EL13" s="2"/>
      <c r="EM13" s="2"/>
      <c r="EN13" s="16"/>
      <c r="EO13" s="3"/>
      <c r="EP13" s="103"/>
      <c r="EQ13" s="103"/>
      <c r="ER13" s="103"/>
      <c r="ES13" s="103"/>
      <c r="ET13" s="103"/>
      <c r="EU13" s="103"/>
      <c r="EV13" s="103"/>
      <c r="EW13" s="103"/>
      <c r="EX13" s="103"/>
      <c r="EY13" s="103"/>
      <c r="EZ13" s="103"/>
      <c r="FA13" s="103"/>
      <c r="FB13" s="103"/>
      <c r="FC13" s="17"/>
      <c r="FD13" s="17"/>
      <c r="FE13" s="17"/>
      <c r="FF13" s="142"/>
      <c r="FG13" s="142"/>
      <c r="FH13" s="142"/>
      <c r="FI13" s="142"/>
      <c r="FJ13" s="142"/>
      <c r="FK13" s="142"/>
      <c r="FL13" s="142"/>
      <c r="FM13" s="142"/>
      <c r="FN13" s="142"/>
      <c r="FO13" s="142"/>
      <c r="FP13" s="142"/>
      <c r="FQ13" s="142"/>
      <c r="FR13" s="142"/>
      <c r="FS13" s="142"/>
      <c r="FT13" s="142"/>
      <c r="FU13" s="142"/>
      <c r="FV13" s="142"/>
      <c r="FW13" s="142"/>
      <c r="FX13" s="142"/>
      <c r="FY13" s="142"/>
      <c r="FZ13" s="142"/>
      <c r="GA13" s="142"/>
      <c r="GB13" s="142"/>
      <c r="GC13" s="142"/>
      <c r="GD13" s="142"/>
      <c r="GE13" s="142"/>
      <c r="GF13" s="142"/>
      <c r="GG13" s="142"/>
      <c r="GH13" s="142"/>
      <c r="GI13" s="142"/>
      <c r="GJ13" s="142"/>
      <c r="GK13" s="142"/>
      <c r="GL13" s="142"/>
      <c r="GM13" s="142"/>
      <c r="GN13" s="142"/>
      <c r="GO13" s="142"/>
      <c r="GP13" s="142"/>
      <c r="GQ13" s="142"/>
      <c r="GR13" s="142"/>
      <c r="GS13" s="142"/>
      <c r="GT13" s="142"/>
      <c r="GU13" s="142"/>
      <c r="GV13" s="142"/>
      <c r="GW13" s="142"/>
      <c r="GX13" s="142"/>
      <c r="GY13" s="142"/>
      <c r="GZ13" s="142"/>
      <c r="HA13" s="142"/>
      <c r="HB13" s="142"/>
      <c r="HC13" s="142"/>
      <c r="HD13" s="142"/>
      <c r="HE13" s="142"/>
      <c r="HH13" s="22"/>
      <c r="HO13" s="2"/>
      <c r="HP13" s="2"/>
      <c r="HQ13" s="19"/>
    </row>
    <row r="14" spans="2:225" ht="6" customHeight="1">
      <c r="B14" s="87"/>
      <c r="C14" s="109"/>
      <c r="D14" s="109"/>
      <c r="E14" s="109"/>
      <c r="F14" s="109"/>
      <c r="G14" s="109"/>
      <c r="H14" s="109"/>
      <c r="I14" s="109"/>
      <c r="J14" s="109"/>
      <c r="K14" s="109"/>
      <c r="L14" s="109"/>
      <c r="M14" s="109"/>
      <c r="N14" s="109"/>
      <c r="O14" s="109"/>
      <c r="P14" s="109"/>
      <c r="Q14" s="109"/>
      <c r="R14" s="92"/>
      <c r="S14" s="114"/>
      <c r="T14" s="115"/>
      <c r="U14" s="115"/>
      <c r="V14" s="115"/>
      <c r="W14" s="115"/>
      <c r="X14" s="115"/>
      <c r="Y14" s="115"/>
      <c r="Z14" s="119"/>
      <c r="AA14" s="119"/>
      <c r="AB14" s="119"/>
      <c r="AC14" s="119"/>
      <c r="AD14" s="119"/>
      <c r="AE14" s="119"/>
      <c r="AF14" s="119"/>
      <c r="AG14" s="119"/>
      <c r="AH14" s="119"/>
      <c r="AI14" s="119"/>
      <c r="AJ14" s="119"/>
      <c r="AK14" s="119"/>
      <c r="AL14" s="122"/>
      <c r="AM14" s="122"/>
      <c r="AN14" s="122"/>
      <c r="AO14" s="122"/>
      <c r="AP14" s="119"/>
      <c r="AQ14" s="119"/>
      <c r="AR14" s="119"/>
      <c r="AS14" s="119"/>
      <c r="AT14" s="119"/>
      <c r="AU14" s="119"/>
      <c r="AV14" s="119"/>
      <c r="AW14" s="119"/>
      <c r="AX14" s="122"/>
      <c r="AY14" s="122"/>
      <c r="AZ14" s="122"/>
      <c r="BA14" s="122"/>
      <c r="BB14" s="119"/>
      <c r="BC14" s="119"/>
      <c r="BD14" s="119"/>
      <c r="BE14" s="119"/>
      <c r="BF14" s="119"/>
      <c r="BG14" s="119"/>
      <c r="BH14" s="119"/>
      <c r="BI14" s="119"/>
      <c r="BJ14" s="122"/>
      <c r="BK14" s="122"/>
      <c r="BL14" s="122"/>
      <c r="BM14" s="179"/>
      <c r="BO14" s="2"/>
      <c r="BP14" s="2"/>
      <c r="BQ14" s="85"/>
      <c r="BR14" s="127" t="s">
        <v>10</v>
      </c>
      <c r="BS14" s="128"/>
      <c r="BT14" s="128"/>
      <c r="BU14" s="128"/>
      <c r="BV14" s="128"/>
      <c r="BW14" s="128"/>
      <c r="BX14" s="128"/>
      <c r="BY14" s="128"/>
      <c r="BZ14" s="128"/>
      <c r="CA14" s="128"/>
      <c r="CB14" s="129"/>
      <c r="CC14" s="91"/>
      <c r="CD14" s="161"/>
      <c r="CE14" s="162"/>
      <c r="CF14" s="162"/>
      <c r="CG14" s="162"/>
      <c r="CH14" s="162"/>
      <c r="CI14" s="162"/>
      <c r="CJ14" s="162"/>
      <c r="CK14" s="162"/>
      <c r="CL14" s="162"/>
      <c r="CM14" s="162"/>
      <c r="CN14" s="162"/>
      <c r="CO14" s="162"/>
      <c r="CP14" s="162"/>
      <c r="CQ14" s="162"/>
      <c r="CR14" s="162"/>
      <c r="CS14" s="162"/>
      <c r="CT14" s="162"/>
      <c r="CU14" s="162"/>
      <c r="CV14" s="162"/>
      <c r="CW14" s="162"/>
      <c r="CX14" s="162"/>
      <c r="CY14" s="162"/>
      <c r="CZ14" s="162"/>
      <c r="DA14" s="162"/>
      <c r="DB14" s="162"/>
      <c r="DC14" s="162"/>
      <c r="DD14" s="162"/>
      <c r="DE14" s="163"/>
      <c r="DF14" s="85"/>
      <c r="DG14" s="170" t="s">
        <v>11</v>
      </c>
      <c r="DH14" s="128"/>
      <c r="DI14" s="128"/>
      <c r="DJ14" s="128"/>
      <c r="DK14" s="128"/>
      <c r="DL14" s="128"/>
      <c r="DM14" s="128"/>
      <c r="DN14" s="128"/>
      <c r="DO14" s="128"/>
      <c r="DP14" s="128"/>
      <c r="DQ14" s="129"/>
      <c r="DR14" s="91"/>
      <c r="DS14" s="172"/>
      <c r="DT14" s="175"/>
      <c r="DU14" s="175"/>
      <c r="DV14" s="175"/>
      <c r="DW14" s="175"/>
      <c r="DX14" s="175"/>
      <c r="DY14" s="175"/>
      <c r="DZ14" s="175"/>
      <c r="EA14" s="175"/>
      <c r="EB14" s="175"/>
      <c r="EC14" s="175"/>
      <c r="ED14" s="175"/>
      <c r="EE14" s="175"/>
      <c r="EF14" s="175"/>
      <c r="EG14" s="175"/>
      <c r="EH14" s="175"/>
      <c r="EI14" s="175"/>
      <c r="EJ14" s="124"/>
      <c r="EK14" s="2"/>
      <c r="EL14" s="2"/>
      <c r="EM14" s="2"/>
      <c r="EN14" s="16"/>
      <c r="EO14" s="3"/>
      <c r="EP14" s="103"/>
      <c r="EQ14" s="103"/>
      <c r="ER14" s="103"/>
      <c r="ES14" s="103"/>
      <c r="ET14" s="103"/>
      <c r="EU14" s="103"/>
      <c r="EV14" s="103"/>
      <c r="EW14" s="103"/>
      <c r="EX14" s="103"/>
      <c r="EY14" s="103"/>
      <c r="EZ14" s="103"/>
      <c r="FA14" s="103"/>
      <c r="FB14" s="103"/>
      <c r="FC14" s="17"/>
      <c r="FD14" s="17"/>
      <c r="FE14" s="17"/>
      <c r="FF14" s="142"/>
      <c r="FG14" s="142"/>
      <c r="FH14" s="142"/>
      <c r="FI14" s="142"/>
      <c r="FJ14" s="142"/>
      <c r="FK14" s="142"/>
      <c r="FL14" s="142"/>
      <c r="FM14" s="142"/>
      <c r="FN14" s="142"/>
      <c r="FO14" s="142"/>
      <c r="FP14" s="142"/>
      <c r="FQ14" s="142"/>
      <c r="FR14" s="142"/>
      <c r="FS14" s="142"/>
      <c r="FT14" s="142"/>
      <c r="FU14" s="142"/>
      <c r="FV14" s="142"/>
      <c r="FW14" s="142"/>
      <c r="FX14" s="142"/>
      <c r="FY14" s="142"/>
      <c r="FZ14" s="142"/>
      <c r="GA14" s="142"/>
      <c r="GB14" s="142"/>
      <c r="GC14" s="142"/>
      <c r="GD14" s="142"/>
      <c r="GE14" s="142"/>
      <c r="GF14" s="142"/>
      <c r="GG14" s="142"/>
      <c r="GH14" s="142"/>
      <c r="GI14" s="142"/>
      <c r="GJ14" s="142"/>
      <c r="GK14" s="142"/>
      <c r="GL14" s="142"/>
      <c r="GM14" s="142"/>
      <c r="GN14" s="142"/>
      <c r="GO14" s="142"/>
      <c r="GP14" s="142"/>
      <c r="GQ14" s="142"/>
      <c r="GR14" s="142"/>
      <c r="GS14" s="142"/>
      <c r="GT14" s="142"/>
      <c r="GU14" s="142"/>
      <c r="GV14" s="142"/>
      <c r="GW14" s="142"/>
      <c r="GX14" s="142"/>
      <c r="GY14" s="142"/>
      <c r="GZ14" s="142"/>
      <c r="HA14" s="142"/>
      <c r="HB14" s="142"/>
      <c r="HC14" s="142"/>
      <c r="HD14" s="142"/>
      <c r="HE14" s="142"/>
      <c r="HH14" s="22"/>
      <c r="HO14" s="2"/>
      <c r="HP14" s="2"/>
      <c r="HQ14" s="19"/>
    </row>
    <row r="15" spans="2:225" ht="6" customHeight="1">
      <c r="B15" s="87"/>
      <c r="C15" s="109"/>
      <c r="D15" s="109"/>
      <c r="E15" s="109"/>
      <c r="F15" s="109"/>
      <c r="G15" s="109"/>
      <c r="H15" s="109"/>
      <c r="I15" s="109"/>
      <c r="J15" s="109"/>
      <c r="K15" s="109"/>
      <c r="L15" s="109"/>
      <c r="M15" s="109"/>
      <c r="N15" s="109"/>
      <c r="O15" s="109"/>
      <c r="P15" s="109"/>
      <c r="Q15" s="109"/>
      <c r="R15" s="92"/>
      <c r="S15" s="114"/>
      <c r="T15" s="115"/>
      <c r="U15" s="115"/>
      <c r="V15" s="115"/>
      <c r="W15" s="115"/>
      <c r="X15" s="115"/>
      <c r="Y15" s="115"/>
      <c r="Z15" s="119"/>
      <c r="AA15" s="119"/>
      <c r="AB15" s="119"/>
      <c r="AC15" s="119"/>
      <c r="AD15" s="119"/>
      <c r="AE15" s="119"/>
      <c r="AF15" s="119"/>
      <c r="AG15" s="119"/>
      <c r="AH15" s="119"/>
      <c r="AI15" s="119"/>
      <c r="AJ15" s="119"/>
      <c r="AK15" s="119"/>
      <c r="AL15" s="122"/>
      <c r="AM15" s="122"/>
      <c r="AN15" s="122"/>
      <c r="AO15" s="122"/>
      <c r="AP15" s="119"/>
      <c r="AQ15" s="119"/>
      <c r="AR15" s="119"/>
      <c r="AS15" s="119"/>
      <c r="AT15" s="119"/>
      <c r="AU15" s="119"/>
      <c r="AV15" s="119"/>
      <c r="AW15" s="119"/>
      <c r="AX15" s="122"/>
      <c r="AY15" s="122"/>
      <c r="AZ15" s="122"/>
      <c r="BA15" s="122"/>
      <c r="BB15" s="119"/>
      <c r="BC15" s="119"/>
      <c r="BD15" s="119"/>
      <c r="BE15" s="119"/>
      <c r="BF15" s="119"/>
      <c r="BG15" s="119"/>
      <c r="BH15" s="119"/>
      <c r="BI15" s="119"/>
      <c r="BJ15" s="122"/>
      <c r="BK15" s="122"/>
      <c r="BL15" s="122"/>
      <c r="BM15" s="179"/>
      <c r="BO15" s="2"/>
      <c r="BP15" s="2"/>
      <c r="BQ15" s="87"/>
      <c r="BR15" s="130"/>
      <c r="BS15" s="131"/>
      <c r="BT15" s="131"/>
      <c r="BU15" s="131"/>
      <c r="BV15" s="131"/>
      <c r="BW15" s="131"/>
      <c r="BX15" s="131"/>
      <c r="BY15" s="131"/>
      <c r="BZ15" s="131"/>
      <c r="CA15" s="131"/>
      <c r="CB15" s="132"/>
      <c r="CC15" s="92"/>
      <c r="CD15" s="164"/>
      <c r="CE15" s="165"/>
      <c r="CF15" s="165"/>
      <c r="CG15" s="165"/>
      <c r="CH15" s="165"/>
      <c r="CI15" s="165"/>
      <c r="CJ15" s="165"/>
      <c r="CK15" s="165"/>
      <c r="CL15" s="165"/>
      <c r="CM15" s="165"/>
      <c r="CN15" s="165"/>
      <c r="CO15" s="165"/>
      <c r="CP15" s="165"/>
      <c r="CQ15" s="165"/>
      <c r="CR15" s="165"/>
      <c r="CS15" s="165"/>
      <c r="CT15" s="165"/>
      <c r="CU15" s="165"/>
      <c r="CV15" s="165"/>
      <c r="CW15" s="165"/>
      <c r="CX15" s="165"/>
      <c r="CY15" s="165"/>
      <c r="CZ15" s="165"/>
      <c r="DA15" s="165"/>
      <c r="DB15" s="165"/>
      <c r="DC15" s="165"/>
      <c r="DD15" s="165"/>
      <c r="DE15" s="166"/>
      <c r="DF15" s="87"/>
      <c r="DG15" s="171"/>
      <c r="DH15" s="131"/>
      <c r="DI15" s="131"/>
      <c r="DJ15" s="131"/>
      <c r="DK15" s="131"/>
      <c r="DL15" s="131"/>
      <c r="DM15" s="131"/>
      <c r="DN15" s="131"/>
      <c r="DO15" s="131"/>
      <c r="DP15" s="131"/>
      <c r="DQ15" s="132"/>
      <c r="DR15" s="92"/>
      <c r="DS15" s="173"/>
      <c r="DT15" s="176"/>
      <c r="DU15" s="176"/>
      <c r="DV15" s="176"/>
      <c r="DW15" s="176"/>
      <c r="DX15" s="176"/>
      <c r="DY15" s="176"/>
      <c r="DZ15" s="176"/>
      <c r="EA15" s="176"/>
      <c r="EB15" s="176"/>
      <c r="EC15" s="176"/>
      <c r="ED15" s="176"/>
      <c r="EE15" s="176"/>
      <c r="EF15" s="176"/>
      <c r="EG15" s="176"/>
      <c r="EH15" s="176"/>
      <c r="EI15" s="176"/>
      <c r="EJ15" s="125"/>
      <c r="EK15" s="2"/>
      <c r="EL15" s="2"/>
      <c r="EM15" s="2"/>
      <c r="EN15" s="16"/>
      <c r="EO15" s="3"/>
      <c r="EP15" s="103" t="s">
        <v>12</v>
      </c>
      <c r="EQ15" s="103"/>
      <c r="ER15" s="103"/>
      <c r="ES15" s="103"/>
      <c r="ET15" s="103"/>
      <c r="EU15" s="103"/>
      <c r="EV15" s="103"/>
      <c r="EW15" s="103"/>
      <c r="EX15" s="103"/>
      <c r="EY15" s="103"/>
      <c r="EZ15" s="103"/>
      <c r="FA15" s="103"/>
      <c r="FB15" s="103"/>
      <c r="FC15" s="17"/>
      <c r="FD15" s="17"/>
      <c r="FE15" s="17"/>
      <c r="FF15" s="143"/>
      <c r="FG15" s="143"/>
      <c r="FH15" s="143"/>
      <c r="FI15" s="143"/>
      <c r="FJ15" s="143"/>
      <c r="FK15" s="143"/>
      <c r="FL15" s="143"/>
      <c r="FM15" s="143"/>
      <c r="FN15" s="143"/>
      <c r="FO15" s="143"/>
      <c r="FP15" s="143"/>
      <c r="FQ15" s="143"/>
      <c r="FR15" s="143"/>
      <c r="FS15" s="143"/>
      <c r="FT15" s="143"/>
      <c r="FU15" s="143"/>
      <c r="FV15" s="143"/>
      <c r="FW15" s="143"/>
      <c r="FX15" s="143"/>
      <c r="FY15" s="143"/>
      <c r="FZ15" s="143"/>
      <c r="GA15" s="143"/>
      <c r="GB15" s="143"/>
      <c r="GC15" s="143"/>
      <c r="GD15" s="143"/>
      <c r="GE15" s="143"/>
      <c r="GF15" s="143"/>
      <c r="GG15" s="143"/>
      <c r="GH15" s="143"/>
      <c r="GI15" s="143"/>
      <c r="GJ15" s="143"/>
      <c r="GK15" s="143"/>
      <c r="GL15" s="143"/>
      <c r="GM15" s="143"/>
      <c r="GN15" s="143"/>
      <c r="GO15" s="143"/>
      <c r="GP15" s="143"/>
      <c r="GQ15" s="143"/>
      <c r="GR15" s="143"/>
      <c r="GS15" s="143"/>
      <c r="GT15" s="143"/>
      <c r="GU15" s="143"/>
      <c r="GV15" s="143"/>
      <c r="GW15" s="143"/>
      <c r="GX15" s="143"/>
      <c r="GY15" s="143"/>
      <c r="GZ15" s="143"/>
      <c r="HA15" s="143"/>
      <c r="HB15" s="143"/>
      <c r="HC15" s="143"/>
      <c r="HD15" s="143"/>
      <c r="HE15" s="143"/>
      <c r="HH15" s="24"/>
      <c r="HI15" s="151" t="s">
        <v>13</v>
      </c>
      <c r="HJ15" s="151"/>
      <c r="HK15" s="151"/>
      <c r="HL15" s="151"/>
      <c r="HM15" s="151"/>
      <c r="HN15" s="151"/>
      <c r="HP15" s="25"/>
      <c r="HQ15" s="26"/>
    </row>
    <row r="16" spans="2:225" ht="6" customHeight="1">
      <c r="B16" s="107"/>
      <c r="C16" s="110"/>
      <c r="D16" s="110"/>
      <c r="E16" s="110"/>
      <c r="F16" s="110"/>
      <c r="G16" s="110"/>
      <c r="H16" s="110"/>
      <c r="I16" s="110"/>
      <c r="J16" s="110"/>
      <c r="K16" s="110"/>
      <c r="L16" s="110"/>
      <c r="M16" s="110"/>
      <c r="N16" s="110"/>
      <c r="O16" s="110"/>
      <c r="P16" s="110"/>
      <c r="Q16" s="110"/>
      <c r="R16" s="111"/>
      <c r="S16" s="116"/>
      <c r="T16" s="117"/>
      <c r="U16" s="117"/>
      <c r="V16" s="117"/>
      <c r="W16" s="117"/>
      <c r="X16" s="117"/>
      <c r="Y16" s="117"/>
      <c r="Z16" s="120"/>
      <c r="AA16" s="120"/>
      <c r="AB16" s="120"/>
      <c r="AC16" s="120"/>
      <c r="AD16" s="120"/>
      <c r="AE16" s="120"/>
      <c r="AF16" s="120"/>
      <c r="AG16" s="120"/>
      <c r="AH16" s="120"/>
      <c r="AI16" s="120"/>
      <c r="AJ16" s="120"/>
      <c r="AK16" s="120"/>
      <c r="AL16" s="123"/>
      <c r="AM16" s="123"/>
      <c r="AN16" s="123"/>
      <c r="AO16" s="123"/>
      <c r="AP16" s="120"/>
      <c r="AQ16" s="120"/>
      <c r="AR16" s="120"/>
      <c r="AS16" s="120"/>
      <c r="AT16" s="120"/>
      <c r="AU16" s="120"/>
      <c r="AV16" s="120"/>
      <c r="AW16" s="120"/>
      <c r="AX16" s="123"/>
      <c r="AY16" s="123"/>
      <c r="AZ16" s="123"/>
      <c r="BA16" s="123"/>
      <c r="BB16" s="120"/>
      <c r="BC16" s="120"/>
      <c r="BD16" s="120"/>
      <c r="BE16" s="120"/>
      <c r="BF16" s="120"/>
      <c r="BG16" s="120"/>
      <c r="BH16" s="120"/>
      <c r="BI16" s="120"/>
      <c r="BJ16" s="123"/>
      <c r="BK16" s="123"/>
      <c r="BL16" s="123"/>
      <c r="BM16" s="180"/>
      <c r="BO16" s="2"/>
      <c r="BP16" s="2"/>
      <c r="BQ16" s="87"/>
      <c r="BR16" s="130"/>
      <c r="BS16" s="131"/>
      <c r="BT16" s="131"/>
      <c r="BU16" s="131"/>
      <c r="BV16" s="131"/>
      <c r="BW16" s="131"/>
      <c r="BX16" s="131"/>
      <c r="BY16" s="131"/>
      <c r="BZ16" s="131"/>
      <c r="CA16" s="131"/>
      <c r="CB16" s="132"/>
      <c r="CC16" s="92"/>
      <c r="CD16" s="164"/>
      <c r="CE16" s="165"/>
      <c r="CF16" s="165"/>
      <c r="CG16" s="165"/>
      <c r="CH16" s="165"/>
      <c r="CI16" s="165"/>
      <c r="CJ16" s="165"/>
      <c r="CK16" s="165"/>
      <c r="CL16" s="165"/>
      <c r="CM16" s="165"/>
      <c r="CN16" s="165"/>
      <c r="CO16" s="165"/>
      <c r="CP16" s="165"/>
      <c r="CQ16" s="165"/>
      <c r="CR16" s="165"/>
      <c r="CS16" s="165"/>
      <c r="CT16" s="165"/>
      <c r="CU16" s="165"/>
      <c r="CV16" s="165"/>
      <c r="CW16" s="165"/>
      <c r="CX16" s="165"/>
      <c r="CY16" s="165"/>
      <c r="CZ16" s="165"/>
      <c r="DA16" s="165"/>
      <c r="DB16" s="165"/>
      <c r="DC16" s="165"/>
      <c r="DD16" s="165"/>
      <c r="DE16" s="166"/>
      <c r="DF16" s="87"/>
      <c r="DG16" s="171"/>
      <c r="DH16" s="131"/>
      <c r="DI16" s="131"/>
      <c r="DJ16" s="131"/>
      <c r="DK16" s="131"/>
      <c r="DL16" s="131"/>
      <c r="DM16" s="131"/>
      <c r="DN16" s="131"/>
      <c r="DO16" s="131"/>
      <c r="DP16" s="131"/>
      <c r="DQ16" s="132"/>
      <c r="DR16" s="92"/>
      <c r="DS16" s="173"/>
      <c r="DT16" s="176"/>
      <c r="DU16" s="176"/>
      <c r="DV16" s="176"/>
      <c r="DW16" s="176"/>
      <c r="DX16" s="176"/>
      <c r="DY16" s="176"/>
      <c r="DZ16" s="176"/>
      <c r="EA16" s="176"/>
      <c r="EB16" s="176"/>
      <c r="EC16" s="176"/>
      <c r="ED16" s="176"/>
      <c r="EE16" s="176"/>
      <c r="EF16" s="176"/>
      <c r="EG16" s="176"/>
      <c r="EH16" s="176"/>
      <c r="EI16" s="176"/>
      <c r="EJ16" s="125"/>
      <c r="EK16" s="2"/>
      <c r="EL16" s="2"/>
      <c r="EM16" s="2"/>
      <c r="EN16" s="16"/>
      <c r="EO16" s="3"/>
      <c r="EP16" s="103"/>
      <c r="EQ16" s="103"/>
      <c r="ER16" s="103"/>
      <c r="ES16" s="103"/>
      <c r="ET16" s="103"/>
      <c r="EU16" s="103"/>
      <c r="EV16" s="103"/>
      <c r="EW16" s="103"/>
      <c r="EX16" s="103"/>
      <c r="EY16" s="103"/>
      <c r="EZ16" s="103"/>
      <c r="FA16" s="103"/>
      <c r="FB16" s="103"/>
      <c r="FC16" s="17"/>
      <c r="FD16" s="17"/>
      <c r="FE16" s="17"/>
      <c r="FF16" s="143"/>
      <c r="FG16" s="143"/>
      <c r="FH16" s="143"/>
      <c r="FI16" s="143"/>
      <c r="FJ16" s="143"/>
      <c r="FK16" s="143"/>
      <c r="FL16" s="143"/>
      <c r="FM16" s="143"/>
      <c r="FN16" s="143"/>
      <c r="FO16" s="143"/>
      <c r="FP16" s="143"/>
      <c r="FQ16" s="143"/>
      <c r="FR16" s="143"/>
      <c r="FS16" s="143"/>
      <c r="FT16" s="143"/>
      <c r="FU16" s="143"/>
      <c r="FV16" s="143"/>
      <c r="FW16" s="143"/>
      <c r="FX16" s="143"/>
      <c r="FY16" s="143"/>
      <c r="FZ16" s="143"/>
      <c r="GA16" s="143"/>
      <c r="GB16" s="143"/>
      <c r="GC16" s="143"/>
      <c r="GD16" s="143"/>
      <c r="GE16" s="143"/>
      <c r="GF16" s="143"/>
      <c r="GG16" s="143"/>
      <c r="GH16" s="143"/>
      <c r="GI16" s="143"/>
      <c r="GJ16" s="143"/>
      <c r="GK16" s="143"/>
      <c r="GL16" s="143"/>
      <c r="GM16" s="143"/>
      <c r="GN16" s="143"/>
      <c r="GO16" s="143"/>
      <c r="GP16" s="143"/>
      <c r="GQ16" s="143"/>
      <c r="GR16" s="143"/>
      <c r="GS16" s="143"/>
      <c r="GT16" s="143"/>
      <c r="GU16" s="143"/>
      <c r="GV16" s="143"/>
      <c r="GW16" s="143"/>
      <c r="GX16" s="143"/>
      <c r="GY16" s="143"/>
      <c r="GZ16" s="143"/>
      <c r="HA16" s="143"/>
      <c r="HB16" s="143"/>
      <c r="HC16" s="143"/>
      <c r="HD16" s="143"/>
      <c r="HE16" s="143"/>
      <c r="HH16" s="24"/>
      <c r="HI16" s="151"/>
      <c r="HJ16" s="151"/>
      <c r="HK16" s="151"/>
      <c r="HL16" s="151"/>
      <c r="HM16" s="151"/>
      <c r="HN16" s="151"/>
      <c r="HP16" s="25"/>
      <c r="HQ16" s="26"/>
    </row>
    <row r="17" spans="2:225" ht="6" customHeight="1">
      <c r="B17" s="3"/>
      <c r="C17" s="27"/>
      <c r="D17" s="27"/>
      <c r="E17" s="27"/>
      <c r="F17" s="27"/>
      <c r="G17" s="27"/>
      <c r="H17" s="27"/>
      <c r="I17" s="27"/>
      <c r="J17" s="27"/>
      <c r="K17" s="27"/>
      <c r="L17" s="27"/>
      <c r="M17" s="27"/>
      <c r="N17" s="27"/>
      <c r="O17" s="27"/>
      <c r="P17" s="27"/>
      <c r="Q17" s="27"/>
      <c r="R17" s="3"/>
      <c r="S17" s="28"/>
      <c r="T17" s="28"/>
      <c r="U17" s="28"/>
      <c r="V17" s="28"/>
      <c r="W17" s="28"/>
      <c r="X17" s="28"/>
      <c r="Y17" s="28"/>
      <c r="Z17" s="29"/>
      <c r="AA17" s="29"/>
      <c r="AB17" s="29"/>
      <c r="AC17" s="29"/>
      <c r="AD17" s="29"/>
      <c r="AE17" s="29"/>
      <c r="AF17" s="29"/>
      <c r="AG17" s="29"/>
      <c r="AH17" s="29"/>
      <c r="AI17" s="29"/>
      <c r="AJ17" s="29"/>
      <c r="AK17" s="29"/>
      <c r="AL17" s="30"/>
      <c r="AM17" s="30"/>
      <c r="AN17" s="30"/>
      <c r="AO17" s="30"/>
      <c r="AP17" s="29"/>
      <c r="AQ17" s="29"/>
      <c r="AR17" s="29"/>
      <c r="AS17" s="29"/>
      <c r="AT17" s="29"/>
      <c r="AU17" s="29"/>
      <c r="AV17" s="29"/>
      <c r="AW17" s="29"/>
      <c r="AX17" s="30"/>
      <c r="AY17" s="30"/>
      <c r="AZ17" s="30"/>
      <c r="BA17" s="30"/>
      <c r="BB17" s="29"/>
      <c r="BC17" s="29"/>
      <c r="BD17" s="29"/>
      <c r="BE17" s="29"/>
      <c r="BF17" s="29"/>
      <c r="BG17" s="29"/>
      <c r="BH17" s="29"/>
      <c r="BI17" s="29"/>
      <c r="BJ17" s="30"/>
      <c r="BK17" s="30"/>
      <c r="BL17" s="30"/>
      <c r="BM17" s="30"/>
      <c r="BO17" s="2"/>
      <c r="BP17" s="2"/>
      <c r="BQ17" s="107"/>
      <c r="BR17" s="133"/>
      <c r="BS17" s="134"/>
      <c r="BT17" s="134"/>
      <c r="BU17" s="134"/>
      <c r="BV17" s="134"/>
      <c r="BW17" s="134"/>
      <c r="BX17" s="134"/>
      <c r="BY17" s="134"/>
      <c r="BZ17" s="134"/>
      <c r="CA17" s="134"/>
      <c r="CB17" s="135"/>
      <c r="CC17" s="111"/>
      <c r="CD17" s="167"/>
      <c r="CE17" s="168"/>
      <c r="CF17" s="168"/>
      <c r="CG17" s="168"/>
      <c r="CH17" s="168"/>
      <c r="CI17" s="168"/>
      <c r="CJ17" s="168"/>
      <c r="CK17" s="168"/>
      <c r="CL17" s="168"/>
      <c r="CM17" s="168"/>
      <c r="CN17" s="168"/>
      <c r="CO17" s="168"/>
      <c r="CP17" s="168"/>
      <c r="CQ17" s="168"/>
      <c r="CR17" s="168"/>
      <c r="CS17" s="168"/>
      <c r="CT17" s="168"/>
      <c r="CU17" s="168"/>
      <c r="CV17" s="168"/>
      <c r="CW17" s="168"/>
      <c r="CX17" s="168"/>
      <c r="CY17" s="168"/>
      <c r="CZ17" s="168"/>
      <c r="DA17" s="168"/>
      <c r="DB17" s="168"/>
      <c r="DC17" s="168"/>
      <c r="DD17" s="168"/>
      <c r="DE17" s="169"/>
      <c r="DF17" s="107"/>
      <c r="DG17" s="133"/>
      <c r="DH17" s="134"/>
      <c r="DI17" s="134"/>
      <c r="DJ17" s="134"/>
      <c r="DK17" s="134"/>
      <c r="DL17" s="134"/>
      <c r="DM17" s="134"/>
      <c r="DN17" s="134"/>
      <c r="DO17" s="134"/>
      <c r="DP17" s="134"/>
      <c r="DQ17" s="135"/>
      <c r="DR17" s="111"/>
      <c r="DS17" s="174"/>
      <c r="DT17" s="177"/>
      <c r="DU17" s="177"/>
      <c r="DV17" s="177"/>
      <c r="DW17" s="177"/>
      <c r="DX17" s="177"/>
      <c r="DY17" s="177"/>
      <c r="DZ17" s="177"/>
      <c r="EA17" s="177"/>
      <c r="EB17" s="177"/>
      <c r="EC17" s="177"/>
      <c r="ED17" s="177"/>
      <c r="EE17" s="177"/>
      <c r="EF17" s="177"/>
      <c r="EG17" s="177"/>
      <c r="EH17" s="177"/>
      <c r="EI17" s="177"/>
      <c r="EJ17" s="126"/>
      <c r="EK17" s="2"/>
      <c r="EL17" s="2"/>
      <c r="EM17" s="2"/>
      <c r="EN17" s="16"/>
      <c r="EO17" s="3"/>
      <c r="EP17" s="103"/>
      <c r="EQ17" s="103"/>
      <c r="ER17" s="103"/>
      <c r="ES17" s="103"/>
      <c r="ET17" s="103"/>
      <c r="EU17" s="103"/>
      <c r="EV17" s="103"/>
      <c r="EW17" s="103"/>
      <c r="EX17" s="103"/>
      <c r="EY17" s="103"/>
      <c r="EZ17" s="103"/>
      <c r="FA17" s="103"/>
      <c r="FB17" s="103"/>
      <c r="FC17" s="17"/>
      <c r="FD17" s="17"/>
      <c r="FE17" s="17"/>
      <c r="FF17" s="143"/>
      <c r="FG17" s="143"/>
      <c r="FH17" s="143"/>
      <c r="FI17" s="143"/>
      <c r="FJ17" s="143"/>
      <c r="FK17" s="143"/>
      <c r="FL17" s="143"/>
      <c r="FM17" s="143"/>
      <c r="FN17" s="143"/>
      <c r="FO17" s="143"/>
      <c r="FP17" s="143"/>
      <c r="FQ17" s="143"/>
      <c r="FR17" s="143"/>
      <c r="FS17" s="143"/>
      <c r="FT17" s="143"/>
      <c r="FU17" s="143"/>
      <c r="FV17" s="143"/>
      <c r="FW17" s="143"/>
      <c r="FX17" s="143"/>
      <c r="FY17" s="143"/>
      <c r="FZ17" s="143"/>
      <c r="GA17" s="143"/>
      <c r="GB17" s="143"/>
      <c r="GC17" s="143"/>
      <c r="GD17" s="143"/>
      <c r="GE17" s="143"/>
      <c r="GF17" s="143"/>
      <c r="GG17" s="143"/>
      <c r="GH17" s="143"/>
      <c r="GI17" s="143"/>
      <c r="GJ17" s="143"/>
      <c r="GK17" s="143"/>
      <c r="GL17" s="143"/>
      <c r="GM17" s="143"/>
      <c r="GN17" s="143"/>
      <c r="GO17" s="143"/>
      <c r="GP17" s="143"/>
      <c r="GQ17" s="143"/>
      <c r="GR17" s="143"/>
      <c r="GS17" s="143"/>
      <c r="GT17" s="143"/>
      <c r="GU17" s="143"/>
      <c r="GV17" s="143"/>
      <c r="GW17" s="143"/>
      <c r="GX17" s="143"/>
      <c r="GY17" s="143"/>
      <c r="GZ17" s="143"/>
      <c r="HA17" s="143"/>
      <c r="HB17" s="143"/>
      <c r="HC17" s="143"/>
      <c r="HD17" s="143"/>
      <c r="HE17" s="143"/>
      <c r="HH17" s="24"/>
      <c r="HI17" s="151"/>
      <c r="HJ17" s="151"/>
      <c r="HK17" s="151"/>
      <c r="HL17" s="151"/>
      <c r="HM17" s="151"/>
      <c r="HN17" s="151"/>
      <c r="HP17" s="25"/>
      <c r="HQ17" s="26"/>
    </row>
    <row r="18" spans="2:225" ht="6" customHeight="1">
      <c r="B18" s="85"/>
      <c r="C18" s="152" t="s">
        <v>14</v>
      </c>
      <c r="D18" s="108"/>
      <c r="E18" s="108"/>
      <c r="F18" s="108"/>
      <c r="G18" s="108"/>
      <c r="H18" s="108"/>
      <c r="I18" s="108"/>
      <c r="J18" s="108"/>
      <c r="K18" s="108"/>
      <c r="L18" s="108"/>
      <c r="M18" s="108"/>
      <c r="N18" s="108"/>
      <c r="O18" s="108"/>
      <c r="P18" s="108"/>
      <c r="Q18" s="108"/>
      <c r="R18" s="91"/>
      <c r="S18" s="154" t="s">
        <v>15</v>
      </c>
      <c r="T18" s="155"/>
      <c r="U18" s="155"/>
      <c r="V18" s="155"/>
      <c r="W18" s="155"/>
      <c r="X18" s="155"/>
      <c r="Y18" s="155"/>
      <c r="Z18" s="155"/>
      <c r="AA18" s="155"/>
      <c r="AB18" s="155"/>
      <c r="AC18" s="155"/>
      <c r="AD18" s="155"/>
      <c r="AE18" s="155"/>
      <c r="AF18" s="155"/>
      <c r="AG18" s="155"/>
      <c r="AH18" s="155"/>
      <c r="AI18" s="155"/>
      <c r="AJ18" s="155"/>
      <c r="AK18" s="155"/>
      <c r="AL18" s="155"/>
      <c r="AM18" s="155"/>
      <c r="AN18" s="155"/>
      <c r="AO18" s="155"/>
      <c r="AP18" s="155"/>
      <c r="AQ18" s="155"/>
      <c r="AR18" s="155"/>
      <c r="AS18" s="155"/>
      <c r="AT18" s="155"/>
      <c r="AU18" s="155"/>
      <c r="AV18" s="155"/>
      <c r="AW18" s="155"/>
      <c r="AX18" s="155"/>
      <c r="AY18" s="155"/>
      <c r="AZ18" s="155"/>
      <c r="BA18" s="155"/>
      <c r="BB18" s="155"/>
      <c r="BC18" s="155"/>
      <c r="BD18" s="155"/>
      <c r="BE18" s="155"/>
      <c r="BF18" s="155"/>
      <c r="BG18" s="155"/>
      <c r="BH18" s="155"/>
      <c r="BI18" s="155"/>
      <c r="BJ18" s="155"/>
      <c r="BK18" s="155"/>
      <c r="BL18" s="155"/>
      <c r="BM18" s="156"/>
      <c r="BQ18" s="85"/>
      <c r="BR18" s="152" t="s">
        <v>16</v>
      </c>
      <c r="BS18" s="152"/>
      <c r="BT18" s="152"/>
      <c r="BU18" s="152"/>
      <c r="BV18" s="152"/>
      <c r="BW18" s="152"/>
      <c r="BX18" s="152"/>
      <c r="BY18" s="152"/>
      <c r="BZ18" s="152"/>
      <c r="CA18" s="152"/>
      <c r="CB18" s="152"/>
      <c r="CC18" s="91"/>
      <c r="CD18" s="181"/>
      <c r="CE18" s="182"/>
      <c r="CF18" s="182"/>
      <c r="CG18" s="182"/>
      <c r="CH18" s="182"/>
      <c r="CI18" s="182"/>
      <c r="CJ18" s="182"/>
      <c r="CK18" s="182"/>
      <c r="CL18" s="182"/>
      <c r="CM18" s="182"/>
      <c r="CN18" s="182"/>
      <c r="CO18" s="182"/>
      <c r="CP18" s="182"/>
      <c r="CQ18" s="182"/>
      <c r="CR18" s="182"/>
      <c r="CS18" s="182"/>
      <c r="CT18" s="182"/>
      <c r="CU18" s="182"/>
      <c r="CV18" s="182"/>
      <c r="CW18" s="182"/>
      <c r="CX18" s="182"/>
      <c r="CY18" s="182"/>
      <c r="CZ18" s="182"/>
      <c r="DA18" s="182"/>
      <c r="DB18" s="182"/>
      <c r="DC18" s="182"/>
      <c r="DD18" s="182"/>
      <c r="DE18" s="182"/>
      <c r="DF18" s="182"/>
      <c r="DG18" s="182"/>
      <c r="DH18" s="182"/>
      <c r="DI18" s="182"/>
      <c r="DJ18" s="182"/>
      <c r="DK18" s="182"/>
      <c r="DL18" s="182"/>
      <c r="DM18" s="182"/>
      <c r="DN18" s="182"/>
      <c r="DO18" s="182"/>
      <c r="DP18" s="182"/>
      <c r="DQ18" s="182"/>
      <c r="DR18" s="182"/>
      <c r="DS18" s="182"/>
      <c r="DT18" s="182"/>
      <c r="DU18" s="182"/>
      <c r="DV18" s="182"/>
      <c r="DW18" s="182"/>
      <c r="DX18" s="182"/>
      <c r="DY18" s="182"/>
      <c r="DZ18" s="182"/>
      <c r="EA18" s="182"/>
      <c r="EB18" s="182"/>
      <c r="EC18" s="182"/>
      <c r="ED18" s="182"/>
      <c r="EE18" s="182"/>
      <c r="EF18" s="182"/>
      <c r="EG18" s="182"/>
      <c r="EH18" s="182"/>
      <c r="EI18" s="182"/>
      <c r="EJ18" s="185"/>
      <c r="EK18" s="2"/>
      <c r="EL18" s="2"/>
      <c r="EM18" s="2"/>
      <c r="EN18" s="16"/>
      <c r="EO18" s="3"/>
      <c r="EP18" s="103"/>
      <c r="EQ18" s="103"/>
      <c r="ER18" s="103"/>
      <c r="ES18" s="103"/>
      <c r="ET18" s="103"/>
      <c r="EU18" s="103"/>
      <c r="EV18" s="103"/>
      <c r="EW18" s="103"/>
      <c r="EX18" s="103"/>
      <c r="EY18" s="103"/>
      <c r="EZ18" s="103"/>
      <c r="FA18" s="103"/>
      <c r="FB18" s="103"/>
      <c r="FC18" s="17"/>
      <c r="FD18" s="17"/>
      <c r="FE18" s="17"/>
      <c r="FF18" s="143"/>
      <c r="FG18" s="143"/>
      <c r="FH18" s="143"/>
      <c r="FI18" s="143"/>
      <c r="FJ18" s="143"/>
      <c r="FK18" s="143"/>
      <c r="FL18" s="143"/>
      <c r="FM18" s="143"/>
      <c r="FN18" s="143"/>
      <c r="FO18" s="143"/>
      <c r="FP18" s="143"/>
      <c r="FQ18" s="143"/>
      <c r="FR18" s="143"/>
      <c r="FS18" s="143"/>
      <c r="FT18" s="143"/>
      <c r="FU18" s="143"/>
      <c r="FV18" s="143"/>
      <c r="FW18" s="143"/>
      <c r="FX18" s="143"/>
      <c r="FY18" s="143"/>
      <c r="FZ18" s="143"/>
      <c r="GA18" s="143"/>
      <c r="GB18" s="143"/>
      <c r="GC18" s="143"/>
      <c r="GD18" s="143"/>
      <c r="GE18" s="143"/>
      <c r="GF18" s="143"/>
      <c r="GG18" s="143"/>
      <c r="GH18" s="143"/>
      <c r="GI18" s="143"/>
      <c r="GJ18" s="143"/>
      <c r="GK18" s="143"/>
      <c r="GL18" s="143"/>
      <c r="GM18" s="143"/>
      <c r="GN18" s="143"/>
      <c r="GO18" s="143"/>
      <c r="GP18" s="143"/>
      <c r="GQ18" s="143"/>
      <c r="GR18" s="143"/>
      <c r="GS18" s="143"/>
      <c r="GT18" s="143"/>
      <c r="GU18" s="143"/>
      <c r="GV18" s="143"/>
      <c r="GW18" s="143"/>
      <c r="GX18" s="143"/>
      <c r="GY18" s="143"/>
      <c r="GZ18" s="143"/>
      <c r="HA18" s="143"/>
      <c r="HB18" s="143"/>
      <c r="HC18" s="143"/>
      <c r="HD18" s="143"/>
      <c r="HE18" s="143"/>
      <c r="HH18" s="24"/>
      <c r="HI18" s="151"/>
      <c r="HJ18" s="151"/>
      <c r="HK18" s="151"/>
      <c r="HL18" s="151"/>
      <c r="HM18" s="151"/>
      <c r="HN18" s="151"/>
      <c r="HP18" s="25"/>
      <c r="HQ18" s="26"/>
    </row>
    <row r="19" spans="2:225" ht="6" customHeight="1">
      <c r="B19" s="87"/>
      <c r="C19" s="153"/>
      <c r="D19" s="109"/>
      <c r="E19" s="109"/>
      <c r="F19" s="109"/>
      <c r="G19" s="109"/>
      <c r="H19" s="109"/>
      <c r="I19" s="109"/>
      <c r="J19" s="109"/>
      <c r="K19" s="109"/>
      <c r="L19" s="109"/>
      <c r="M19" s="109"/>
      <c r="N19" s="109"/>
      <c r="O19" s="109"/>
      <c r="P19" s="109"/>
      <c r="Q19" s="109"/>
      <c r="R19" s="92"/>
      <c r="S19" s="157"/>
      <c r="T19" s="158"/>
      <c r="U19" s="158"/>
      <c r="V19" s="158"/>
      <c r="W19" s="158"/>
      <c r="X19" s="158"/>
      <c r="Y19" s="158"/>
      <c r="Z19" s="158"/>
      <c r="AA19" s="158"/>
      <c r="AB19" s="158"/>
      <c r="AC19" s="158"/>
      <c r="AD19" s="158"/>
      <c r="AE19" s="158"/>
      <c r="AF19" s="158"/>
      <c r="AG19" s="158"/>
      <c r="AH19" s="158"/>
      <c r="AI19" s="158"/>
      <c r="AJ19" s="158"/>
      <c r="AK19" s="158"/>
      <c r="AL19" s="158"/>
      <c r="AM19" s="158"/>
      <c r="AN19" s="158"/>
      <c r="AO19" s="158"/>
      <c r="AP19" s="158"/>
      <c r="AQ19" s="158"/>
      <c r="AR19" s="158"/>
      <c r="AS19" s="158"/>
      <c r="AT19" s="158"/>
      <c r="AU19" s="158"/>
      <c r="AV19" s="158"/>
      <c r="AW19" s="158"/>
      <c r="AX19" s="158"/>
      <c r="AY19" s="158"/>
      <c r="AZ19" s="158"/>
      <c r="BA19" s="158"/>
      <c r="BB19" s="158"/>
      <c r="BC19" s="158"/>
      <c r="BD19" s="158"/>
      <c r="BE19" s="158"/>
      <c r="BF19" s="158"/>
      <c r="BG19" s="158"/>
      <c r="BH19" s="158"/>
      <c r="BI19" s="158"/>
      <c r="BJ19" s="158"/>
      <c r="BK19" s="158"/>
      <c r="BL19" s="158"/>
      <c r="BM19" s="159"/>
      <c r="BQ19" s="87"/>
      <c r="BR19" s="153"/>
      <c r="BS19" s="153"/>
      <c r="BT19" s="153"/>
      <c r="BU19" s="153"/>
      <c r="BV19" s="153"/>
      <c r="BW19" s="153"/>
      <c r="BX19" s="153"/>
      <c r="BY19" s="153"/>
      <c r="BZ19" s="153"/>
      <c r="CA19" s="153"/>
      <c r="CB19" s="153"/>
      <c r="CC19" s="92"/>
      <c r="CD19" s="138"/>
      <c r="CE19" s="183"/>
      <c r="CF19" s="183"/>
      <c r="CG19" s="183"/>
      <c r="CH19" s="183"/>
      <c r="CI19" s="183"/>
      <c r="CJ19" s="183"/>
      <c r="CK19" s="183"/>
      <c r="CL19" s="183"/>
      <c r="CM19" s="183"/>
      <c r="CN19" s="183"/>
      <c r="CO19" s="183"/>
      <c r="CP19" s="183"/>
      <c r="CQ19" s="183"/>
      <c r="CR19" s="183"/>
      <c r="CS19" s="183"/>
      <c r="CT19" s="183"/>
      <c r="CU19" s="183"/>
      <c r="CV19" s="183"/>
      <c r="CW19" s="183"/>
      <c r="CX19" s="183"/>
      <c r="CY19" s="183"/>
      <c r="CZ19" s="183"/>
      <c r="DA19" s="183"/>
      <c r="DB19" s="183"/>
      <c r="DC19" s="183"/>
      <c r="DD19" s="183"/>
      <c r="DE19" s="183"/>
      <c r="DF19" s="183"/>
      <c r="DG19" s="183"/>
      <c r="DH19" s="183"/>
      <c r="DI19" s="183"/>
      <c r="DJ19" s="183"/>
      <c r="DK19" s="183"/>
      <c r="DL19" s="183"/>
      <c r="DM19" s="183"/>
      <c r="DN19" s="183"/>
      <c r="DO19" s="183"/>
      <c r="DP19" s="183"/>
      <c r="DQ19" s="183"/>
      <c r="DR19" s="183"/>
      <c r="DS19" s="183"/>
      <c r="DT19" s="183"/>
      <c r="DU19" s="183"/>
      <c r="DV19" s="183"/>
      <c r="DW19" s="183"/>
      <c r="DX19" s="183"/>
      <c r="DY19" s="183"/>
      <c r="DZ19" s="183"/>
      <c r="EA19" s="183"/>
      <c r="EB19" s="183"/>
      <c r="EC19" s="183"/>
      <c r="ED19" s="183"/>
      <c r="EE19" s="183"/>
      <c r="EF19" s="183"/>
      <c r="EG19" s="183"/>
      <c r="EH19" s="183"/>
      <c r="EI19" s="183"/>
      <c r="EJ19" s="186"/>
      <c r="EK19" s="2"/>
      <c r="EL19" s="2"/>
      <c r="EM19" s="2"/>
      <c r="EN19" s="16"/>
      <c r="EO19" s="3"/>
      <c r="EP19" s="3"/>
      <c r="EQ19" s="3"/>
      <c r="ER19" s="3"/>
      <c r="ES19" s="3"/>
      <c r="ET19" s="3"/>
      <c r="EU19" s="3"/>
      <c r="EV19" s="3"/>
      <c r="EW19" s="3"/>
      <c r="EX19" s="3"/>
      <c r="EY19" s="3"/>
      <c r="EZ19" s="3"/>
      <c r="FA19" s="3"/>
      <c r="FB19" s="3"/>
      <c r="FC19" s="3"/>
      <c r="FD19" s="3"/>
      <c r="FE19" s="3"/>
      <c r="FF19" s="31"/>
      <c r="FG19" s="31"/>
      <c r="FH19" s="31"/>
      <c r="FI19" s="32"/>
      <c r="FJ19" s="32"/>
      <c r="FK19" s="32"/>
      <c r="FL19" s="32"/>
      <c r="FM19" s="32"/>
      <c r="FN19" s="32"/>
      <c r="FO19" s="32"/>
      <c r="FP19" s="32"/>
      <c r="FQ19" s="32"/>
      <c r="FR19" s="32"/>
      <c r="FS19" s="32"/>
      <c r="FT19" s="32"/>
      <c r="FU19" s="32"/>
      <c r="FV19" s="32"/>
      <c r="FW19" s="32"/>
      <c r="FX19" s="32"/>
      <c r="FY19" s="32"/>
      <c r="FZ19" s="32"/>
      <c r="GA19" s="31"/>
      <c r="GB19" s="31"/>
      <c r="GC19" s="31"/>
      <c r="GD19" s="31"/>
      <c r="GE19" s="31"/>
      <c r="GF19" s="5"/>
      <c r="GG19" s="5"/>
      <c r="GH19" s="5"/>
      <c r="GI19" s="5"/>
      <c r="GJ19" s="5"/>
      <c r="GK19" s="5"/>
      <c r="GL19" s="5"/>
      <c r="GM19" s="5"/>
      <c r="GN19" s="5"/>
      <c r="GO19" s="5"/>
      <c r="GP19" s="5"/>
      <c r="GQ19" s="5"/>
      <c r="GR19" s="5"/>
      <c r="GS19" s="5"/>
      <c r="GT19" s="5"/>
      <c r="GU19" s="5"/>
      <c r="GV19" s="5"/>
      <c r="GW19" s="5"/>
      <c r="GX19" s="5"/>
      <c r="GY19" s="5"/>
      <c r="GZ19" s="5"/>
      <c r="HA19" s="5"/>
      <c r="HB19" s="5"/>
      <c r="HC19" s="5"/>
      <c r="HD19" s="5"/>
      <c r="HE19" s="5"/>
      <c r="HF19" s="5"/>
      <c r="HG19" s="5"/>
      <c r="HH19" s="24"/>
      <c r="HI19" s="24"/>
      <c r="HJ19" s="24"/>
      <c r="HK19" s="24"/>
      <c r="HL19" s="33"/>
      <c r="HM19" s="33"/>
      <c r="HN19" s="33"/>
      <c r="HO19" s="33"/>
      <c r="HP19" s="33"/>
      <c r="HQ19" s="34"/>
    </row>
    <row r="20" spans="2:225" ht="6" customHeight="1">
      <c r="B20" s="87"/>
      <c r="C20" s="109"/>
      <c r="D20" s="109"/>
      <c r="E20" s="109"/>
      <c r="F20" s="109"/>
      <c r="G20" s="109"/>
      <c r="H20" s="109"/>
      <c r="I20" s="109"/>
      <c r="J20" s="109"/>
      <c r="K20" s="109"/>
      <c r="L20" s="109"/>
      <c r="M20" s="109"/>
      <c r="N20" s="109"/>
      <c r="O20" s="109"/>
      <c r="P20" s="109"/>
      <c r="Q20" s="109"/>
      <c r="R20" s="92"/>
      <c r="S20" s="188"/>
      <c r="T20" s="189"/>
      <c r="U20" s="189"/>
      <c r="V20" s="189"/>
      <c r="W20" s="189"/>
      <c r="X20" s="189"/>
      <c r="Y20" s="189"/>
      <c r="Z20" s="189"/>
      <c r="AA20" s="189"/>
      <c r="AB20" s="189"/>
      <c r="AC20" s="189"/>
      <c r="AD20" s="189"/>
      <c r="AE20" s="189"/>
      <c r="AF20" s="189"/>
      <c r="AG20" s="189"/>
      <c r="AH20" s="189"/>
      <c r="AI20" s="189"/>
      <c r="AJ20" s="189"/>
      <c r="AK20" s="189"/>
      <c r="AL20" s="189"/>
      <c r="AM20" s="189"/>
      <c r="AN20" s="189"/>
      <c r="AO20" s="189"/>
      <c r="AP20" s="189"/>
      <c r="AQ20" s="189"/>
      <c r="AR20" s="189"/>
      <c r="AS20" s="189"/>
      <c r="AT20" s="189"/>
      <c r="AU20" s="189"/>
      <c r="AV20" s="189"/>
      <c r="AW20" s="189"/>
      <c r="AX20" s="189"/>
      <c r="AY20" s="189"/>
      <c r="AZ20" s="189"/>
      <c r="BA20" s="189"/>
      <c r="BB20" s="189"/>
      <c r="BC20" s="189"/>
      <c r="BD20" s="189"/>
      <c r="BE20" s="189"/>
      <c r="BF20" s="189"/>
      <c r="BG20" s="189"/>
      <c r="BH20" s="189"/>
      <c r="BI20" s="189"/>
      <c r="BJ20" s="189"/>
      <c r="BK20" s="189"/>
      <c r="BL20" s="189"/>
      <c r="BM20" s="190"/>
      <c r="BQ20" s="87"/>
      <c r="BR20" s="153"/>
      <c r="BS20" s="153"/>
      <c r="BT20" s="153"/>
      <c r="BU20" s="153"/>
      <c r="BV20" s="153"/>
      <c r="BW20" s="153"/>
      <c r="BX20" s="153"/>
      <c r="BY20" s="153"/>
      <c r="BZ20" s="153"/>
      <c r="CA20" s="153"/>
      <c r="CB20" s="153"/>
      <c r="CC20" s="92"/>
      <c r="CD20" s="138"/>
      <c r="CE20" s="183"/>
      <c r="CF20" s="183"/>
      <c r="CG20" s="183"/>
      <c r="CH20" s="183"/>
      <c r="CI20" s="183"/>
      <c r="CJ20" s="183"/>
      <c r="CK20" s="183"/>
      <c r="CL20" s="183"/>
      <c r="CM20" s="183"/>
      <c r="CN20" s="183"/>
      <c r="CO20" s="183"/>
      <c r="CP20" s="183"/>
      <c r="CQ20" s="183"/>
      <c r="CR20" s="183"/>
      <c r="CS20" s="183"/>
      <c r="CT20" s="183"/>
      <c r="CU20" s="183"/>
      <c r="CV20" s="183"/>
      <c r="CW20" s="183"/>
      <c r="CX20" s="183"/>
      <c r="CY20" s="183"/>
      <c r="CZ20" s="183"/>
      <c r="DA20" s="183"/>
      <c r="DB20" s="183"/>
      <c r="DC20" s="183"/>
      <c r="DD20" s="183"/>
      <c r="DE20" s="183"/>
      <c r="DF20" s="183"/>
      <c r="DG20" s="183"/>
      <c r="DH20" s="183"/>
      <c r="DI20" s="183"/>
      <c r="DJ20" s="183"/>
      <c r="DK20" s="183"/>
      <c r="DL20" s="183"/>
      <c r="DM20" s="183"/>
      <c r="DN20" s="183"/>
      <c r="DO20" s="183"/>
      <c r="DP20" s="183"/>
      <c r="DQ20" s="183"/>
      <c r="DR20" s="183"/>
      <c r="DS20" s="183"/>
      <c r="DT20" s="183"/>
      <c r="DU20" s="183"/>
      <c r="DV20" s="183"/>
      <c r="DW20" s="183"/>
      <c r="DX20" s="183"/>
      <c r="DY20" s="183"/>
      <c r="DZ20" s="183"/>
      <c r="EA20" s="183"/>
      <c r="EB20" s="183"/>
      <c r="EC20" s="183"/>
      <c r="ED20" s="183"/>
      <c r="EE20" s="183"/>
      <c r="EF20" s="183"/>
      <c r="EG20" s="183"/>
      <c r="EH20" s="183"/>
      <c r="EI20" s="183"/>
      <c r="EJ20" s="186"/>
      <c r="EK20" s="2"/>
      <c r="EL20" s="2"/>
      <c r="EM20" s="2"/>
      <c r="EN20" s="16"/>
      <c r="EO20" s="3"/>
      <c r="EP20" s="3"/>
      <c r="EQ20" s="3"/>
      <c r="ER20" s="3"/>
      <c r="ES20" s="3"/>
      <c r="ET20" s="3"/>
      <c r="EU20" s="3"/>
      <c r="EV20" s="3"/>
      <c r="EW20" s="3"/>
      <c r="EX20" s="3"/>
      <c r="EY20" s="3"/>
      <c r="EZ20" s="3"/>
      <c r="FA20" s="3"/>
      <c r="FB20" s="3"/>
      <c r="FC20" s="3"/>
      <c r="FD20" s="3"/>
      <c r="FE20" s="3"/>
      <c r="FF20" s="31"/>
      <c r="FG20" s="31"/>
      <c r="FH20" s="31"/>
      <c r="FI20" s="32"/>
      <c r="FJ20" s="32"/>
      <c r="FK20" s="32"/>
      <c r="FL20" s="32"/>
      <c r="FM20" s="32"/>
      <c r="FN20" s="32"/>
      <c r="FO20" s="32"/>
      <c r="FP20" s="32"/>
      <c r="FQ20" s="32"/>
      <c r="FR20" s="32"/>
      <c r="FS20" s="32"/>
      <c r="FT20" s="32"/>
      <c r="FU20" s="32"/>
      <c r="FV20" s="32"/>
      <c r="FW20" s="32"/>
      <c r="FX20" s="32"/>
      <c r="FY20" s="32"/>
      <c r="FZ20" s="32"/>
      <c r="GA20" s="31"/>
      <c r="GB20" s="31"/>
      <c r="GC20" s="31"/>
      <c r="GD20" s="31"/>
      <c r="GE20" s="31"/>
      <c r="GF20" s="5"/>
      <c r="GG20" s="5"/>
      <c r="GH20" s="5"/>
      <c r="GI20" s="5"/>
      <c r="GJ20" s="5"/>
      <c r="GK20" s="5"/>
      <c r="GL20" s="5"/>
      <c r="GM20" s="5"/>
      <c r="GN20" s="5"/>
      <c r="GO20" s="5"/>
      <c r="GP20" s="5"/>
      <c r="GQ20" s="5"/>
      <c r="GR20" s="5"/>
      <c r="GS20" s="5"/>
      <c r="GT20" s="5"/>
      <c r="GU20" s="5"/>
      <c r="GV20" s="5"/>
      <c r="GW20" s="5"/>
      <c r="GX20" s="5"/>
      <c r="GY20" s="5"/>
      <c r="GZ20" s="5"/>
      <c r="HA20" s="5"/>
      <c r="HB20" s="5"/>
      <c r="HC20" s="5"/>
      <c r="HD20" s="5"/>
      <c r="HE20" s="5"/>
      <c r="HF20" s="5"/>
      <c r="HG20" s="5"/>
      <c r="HH20" s="24"/>
      <c r="HI20" s="24"/>
      <c r="HJ20" s="24"/>
      <c r="HK20" s="24"/>
      <c r="HL20" s="33"/>
      <c r="HM20" s="33"/>
      <c r="HN20" s="33"/>
      <c r="HO20" s="33"/>
      <c r="HP20" s="33"/>
      <c r="HQ20" s="34"/>
    </row>
    <row r="21" spans="2:225" ht="6" customHeight="1">
      <c r="B21" s="87"/>
      <c r="C21" s="109"/>
      <c r="D21" s="109"/>
      <c r="E21" s="109"/>
      <c r="F21" s="109"/>
      <c r="G21" s="109"/>
      <c r="H21" s="109"/>
      <c r="I21" s="109"/>
      <c r="J21" s="109"/>
      <c r="K21" s="109"/>
      <c r="L21" s="109"/>
      <c r="M21" s="109"/>
      <c r="N21" s="109"/>
      <c r="O21" s="109"/>
      <c r="P21" s="109"/>
      <c r="Q21" s="109"/>
      <c r="R21" s="92"/>
      <c r="S21" s="188"/>
      <c r="T21" s="189"/>
      <c r="U21" s="189"/>
      <c r="V21" s="189"/>
      <c r="W21" s="189"/>
      <c r="X21" s="189"/>
      <c r="Y21" s="189"/>
      <c r="Z21" s="189"/>
      <c r="AA21" s="189"/>
      <c r="AB21" s="189"/>
      <c r="AC21" s="189"/>
      <c r="AD21" s="189"/>
      <c r="AE21" s="189"/>
      <c r="AF21" s="189"/>
      <c r="AG21" s="189"/>
      <c r="AH21" s="189"/>
      <c r="AI21" s="189"/>
      <c r="AJ21" s="189"/>
      <c r="AK21" s="189"/>
      <c r="AL21" s="189"/>
      <c r="AM21" s="189"/>
      <c r="AN21" s="189"/>
      <c r="AO21" s="189"/>
      <c r="AP21" s="189"/>
      <c r="AQ21" s="189"/>
      <c r="AR21" s="189"/>
      <c r="AS21" s="189"/>
      <c r="AT21" s="189"/>
      <c r="AU21" s="189"/>
      <c r="AV21" s="189"/>
      <c r="AW21" s="189"/>
      <c r="AX21" s="189"/>
      <c r="AY21" s="189"/>
      <c r="AZ21" s="189"/>
      <c r="BA21" s="189"/>
      <c r="BB21" s="189"/>
      <c r="BC21" s="189"/>
      <c r="BD21" s="189"/>
      <c r="BE21" s="189"/>
      <c r="BF21" s="189"/>
      <c r="BG21" s="189"/>
      <c r="BH21" s="189"/>
      <c r="BI21" s="189"/>
      <c r="BJ21" s="189"/>
      <c r="BK21" s="189"/>
      <c r="BL21" s="189"/>
      <c r="BM21" s="190"/>
      <c r="BQ21" s="87"/>
      <c r="BR21" s="153"/>
      <c r="BS21" s="153"/>
      <c r="BT21" s="153"/>
      <c r="BU21" s="153"/>
      <c r="BV21" s="153"/>
      <c r="BW21" s="153"/>
      <c r="BX21" s="153"/>
      <c r="BY21" s="153"/>
      <c r="BZ21" s="153"/>
      <c r="CA21" s="153"/>
      <c r="CB21" s="153"/>
      <c r="CC21" s="92"/>
      <c r="CD21" s="138"/>
      <c r="CE21" s="183"/>
      <c r="CF21" s="183"/>
      <c r="CG21" s="183"/>
      <c r="CH21" s="183"/>
      <c r="CI21" s="183"/>
      <c r="CJ21" s="183"/>
      <c r="CK21" s="183"/>
      <c r="CL21" s="183"/>
      <c r="CM21" s="183"/>
      <c r="CN21" s="183"/>
      <c r="CO21" s="183"/>
      <c r="CP21" s="183"/>
      <c r="CQ21" s="183"/>
      <c r="CR21" s="183"/>
      <c r="CS21" s="183"/>
      <c r="CT21" s="183"/>
      <c r="CU21" s="183"/>
      <c r="CV21" s="183"/>
      <c r="CW21" s="183"/>
      <c r="CX21" s="183"/>
      <c r="CY21" s="183"/>
      <c r="CZ21" s="183"/>
      <c r="DA21" s="183"/>
      <c r="DB21" s="183"/>
      <c r="DC21" s="183"/>
      <c r="DD21" s="183"/>
      <c r="DE21" s="183"/>
      <c r="DF21" s="183"/>
      <c r="DG21" s="183"/>
      <c r="DH21" s="183"/>
      <c r="DI21" s="183"/>
      <c r="DJ21" s="183"/>
      <c r="DK21" s="183"/>
      <c r="DL21" s="183"/>
      <c r="DM21" s="183"/>
      <c r="DN21" s="183"/>
      <c r="DO21" s="183"/>
      <c r="DP21" s="183"/>
      <c r="DQ21" s="183"/>
      <c r="DR21" s="183"/>
      <c r="DS21" s="183"/>
      <c r="DT21" s="183"/>
      <c r="DU21" s="183"/>
      <c r="DV21" s="183"/>
      <c r="DW21" s="183"/>
      <c r="DX21" s="183"/>
      <c r="DY21" s="183"/>
      <c r="DZ21" s="183"/>
      <c r="EA21" s="183"/>
      <c r="EB21" s="183"/>
      <c r="EC21" s="183"/>
      <c r="ED21" s="183"/>
      <c r="EE21" s="183"/>
      <c r="EF21" s="183"/>
      <c r="EG21" s="183"/>
      <c r="EH21" s="183"/>
      <c r="EI21" s="183"/>
      <c r="EJ21" s="186"/>
      <c r="EK21" s="2"/>
      <c r="EL21" s="2"/>
      <c r="EM21" s="2"/>
      <c r="EN21" s="16"/>
      <c r="EO21" s="3"/>
      <c r="EP21" s="194" t="s">
        <v>17</v>
      </c>
      <c r="EQ21" s="194"/>
      <c r="ER21" s="194"/>
      <c r="ES21" s="194"/>
      <c r="ET21" s="194"/>
      <c r="EU21" s="194"/>
      <c r="EV21" s="194"/>
      <c r="EW21" s="194"/>
      <c r="EX21" s="194"/>
      <c r="EY21" s="194"/>
      <c r="EZ21" s="194"/>
      <c r="FA21" s="194"/>
      <c r="FB21" s="194"/>
      <c r="FC21" s="3"/>
      <c r="FD21" s="3"/>
      <c r="FE21" s="3"/>
      <c r="FF21" s="138" t="s">
        <v>18</v>
      </c>
      <c r="FG21" s="138"/>
      <c r="FH21" s="138"/>
      <c r="FI21" s="138"/>
      <c r="FJ21" s="140"/>
      <c r="FK21" s="140"/>
      <c r="FL21" s="140"/>
      <c r="FM21" s="140"/>
      <c r="FN21" s="140"/>
      <c r="FO21" s="140"/>
      <c r="FP21" s="140"/>
      <c r="FQ21" s="140"/>
      <c r="FR21" s="140"/>
      <c r="FS21" s="140"/>
      <c r="FT21" s="140"/>
      <c r="FU21" s="140"/>
      <c r="FV21" s="140"/>
      <c r="FW21" s="140"/>
      <c r="FX21" s="140"/>
      <c r="FY21" s="138"/>
      <c r="FZ21" s="138"/>
      <c r="GA21" s="138"/>
      <c r="GB21" s="138"/>
      <c r="GC21" s="140"/>
      <c r="GD21" s="140"/>
      <c r="GE21" s="140"/>
      <c r="GF21" s="140"/>
      <c r="GG21" s="140"/>
      <c r="GH21" s="140"/>
      <c r="GI21" s="140"/>
      <c r="GJ21" s="140"/>
      <c r="GK21" s="140"/>
      <c r="GL21" s="140"/>
      <c r="GM21" s="140"/>
      <c r="GN21" s="138"/>
      <c r="GO21" s="138"/>
      <c r="GP21" s="138"/>
      <c r="GQ21" s="138"/>
      <c r="GR21" s="140"/>
      <c r="GS21" s="140"/>
      <c r="GT21" s="140"/>
      <c r="GU21" s="140"/>
      <c r="GV21" s="140"/>
      <c r="GW21" s="140"/>
      <c r="GX21" s="140"/>
      <c r="GY21" s="140"/>
      <c r="GZ21" s="140"/>
      <c r="HA21" s="140"/>
      <c r="HB21" s="140"/>
      <c r="HC21" s="140"/>
      <c r="HD21" s="140"/>
      <c r="HE21" s="140"/>
      <c r="HF21" s="140"/>
      <c r="HG21" s="136"/>
      <c r="HH21" s="2"/>
      <c r="HI21" s="2"/>
      <c r="HJ21" s="2"/>
      <c r="HK21" s="2"/>
      <c r="HL21" s="3"/>
      <c r="HM21" s="3"/>
      <c r="HN21" s="2"/>
      <c r="HO21" s="2"/>
      <c r="HP21" s="2"/>
      <c r="HQ21" s="19"/>
    </row>
    <row r="22" spans="2:225" ht="6" customHeight="1">
      <c r="B22" s="87"/>
      <c r="C22" s="109"/>
      <c r="D22" s="109"/>
      <c r="E22" s="109"/>
      <c r="F22" s="109"/>
      <c r="G22" s="109"/>
      <c r="H22" s="109"/>
      <c r="I22" s="109"/>
      <c r="J22" s="109"/>
      <c r="K22" s="109"/>
      <c r="L22" s="109"/>
      <c r="M22" s="109"/>
      <c r="N22" s="109"/>
      <c r="O22" s="109"/>
      <c r="P22" s="109"/>
      <c r="Q22" s="109"/>
      <c r="R22" s="92"/>
      <c r="S22" s="188"/>
      <c r="T22" s="189"/>
      <c r="U22" s="189"/>
      <c r="V22" s="189"/>
      <c r="W22" s="189"/>
      <c r="X22" s="189"/>
      <c r="Y22" s="189"/>
      <c r="Z22" s="189"/>
      <c r="AA22" s="189"/>
      <c r="AB22" s="189"/>
      <c r="AC22" s="189"/>
      <c r="AD22" s="189"/>
      <c r="AE22" s="189"/>
      <c r="AF22" s="189"/>
      <c r="AG22" s="189"/>
      <c r="AH22" s="189"/>
      <c r="AI22" s="189"/>
      <c r="AJ22" s="189"/>
      <c r="AK22" s="189"/>
      <c r="AL22" s="189"/>
      <c r="AM22" s="189"/>
      <c r="AN22" s="189"/>
      <c r="AO22" s="189"/>
      <c r="AP22" s="189"/>
      <c r="AQ22" s="189"/>
      <c r="AR22" s="189"/>
      <c r="AS22" s="189"/>
      <c r="AT22" s="189"/>
      <c r="AU22" s="189"/>
      <c r="AV22" s="189"/>
      <c r="AW22" s="189"/>
      <c r="AX22" s="189"/>
      <c r="AY22" s="189"/>
      <c r="AZ22" s="189"/>
      <c r="BA22" s="189"/>
      <c r="BB22" s="189"/>
      <c r="BC22" s="189"/>
      <c r="BD22" s="189"/>
      <c r="BE22" s="189"/>
      <c r="BF22" s="189"/>
      <c r="BG22" s="189"/>
      <c r="BH22" s="189"/>
      <c r="BI22" s="189"/>
      <c r="BJ22" s="189"/>
      <c r="BK22" s="189"/>
      <c r="BL22" s="189"/>
      <c r="BM22" s="190"/>
      <c r="BQ22" s="87"/>
      <c r="BR22" s="153"/>
      <c r="BS22" s="153"/>
      <c r="BT22" s="153"/>
      <c r="BU22" s="153"/>
      <c r="BV22" s="153"/>
      <c r="BW22" s="153"/>
      <c r="BX22" s="153"/>
      <c r="BY22" s="153"/>
      <c r="BZ22" s="153"/>
      <c r="CA22" s="153"/>
      <c r="CB22" s="153"/>
      <c r="CC22" s="92"/>
      <c r="CD22" s="138"/>
      <c r="CE22" s="183"/>
      <c r="CF22" s="183"/>
      <c r="CG22" s="183"/>
      <c r="CH22" s="183"/>
      <c r="CI22" s="183"/>
      <c r="CJ22" s="183"/>
      <c r="CK22" s="183"/>
      <c r="CL22" s="183"/>
      <c r="CM22" s="183"/>
      <c r="CN22" s="183"/>
      <c r="CO22" s="183"/>
      <c r="CP22" s="183"/>
      <c r="CQ22" s="183"/>
      <c r="CR22" s="183"/>
      <c r="CS22" s="183"/>
      <c r="CT22" s="183"/>
      <c r="CU22" s="183"/>
      <c r="CV22" s="183"/>
      <c r="CW22" s="183"/>
      <c r="CX22" s="183"/>
      <c r="CY22" s="183"/>
      <c r="CZ22" s="183"/>
      <c r="DA22" s="183"/>
      <c r="DB22" s="183"/>
      <c r="DC22" s="183"/>
      <c r="DD22" s="183"/>
      <c r="DE22" s="183"/>
      <c r="DF22" s="183"/>
      <c r="DG22" s="183"/>
      <c r="DH22" s="183"/>
      <c r="DI22" s="183"/>
      <c r="DJ22" s="183"/>
      <c r="DK22" s="183"/>
      <c r="DL22" s="183"/>
      <c r="DM22" s="183"/>
      <c r="DN22" s="183"/>
      <c r="DO22" s="183"/>
      <c r="DP22" s="183"/>
      <c r="DQ22" s="183"/>
      <c r="DR22" s="183"/>
      <c r="DS22" s="183"/>
      <c r="DT22" s="183"/>
      <c r="DU22" s="183"/>
      <c r="DV22" s="183"/>
      <c r="DW22" s="183"/>
      <c r="DX22" s="183"/>
      <c r="DY22" s="183"/>
      <c r="DZ22" s="183"/>
      <c r="EA22" s="183"/>
      <c r="EB22" s="183"/>
      <c r="EC22" s="183"/>
      <c r="ED22" s="183"/>
      <c r="EE22" s="183"/>
      <c r="EF22" s="183"/>
      <c r="EG22" s="183"/>
      <c r="EH22" s="183"/>
      <c r="EI22" s="183"/>
      <c r="EJ22" s="186"/>
      <c r="EK22" s="2"/>
      <c r="EL22" s="2"/>
      <c r="EM22" s="2"/>
      <c r="EN22" s="16"/>
      <c r="EO22" s="3"/>
      <c r="EP22" s="194"/>
      <c r="EQ22" s="194"/>
      <c r="ER22" s="194"/>
      <c r="ES22" s="194"/>
      <c r="ET22" s="194"/>
      <c r="EU22" s="194"/>
      <c r="EV22" s="194"/>
      <c r="EW22" s="194"/>
      <c r="EX22" s="194"/>
      <c r="EY22" s="194"/>
      <c r="EZ22" s="194"/>
      <c r="FA22" s="194"/>
      <c r="FB22" s="194"/>
      <c r="FC22" s="3"/>
      <c r="FD22" s="3"/>
      <c r="FE22" s="3"/>
      <c r="FF22" s="138"/>
      <c r="FG22" s="138"/>
      <c r="FH22" s="138"/>
      <c r="FI22" s="138"/>
      <c r="FJ22" s="140"/>
      <c r="FK22" s="140"/>
      <c r="FL22" s="140"/>
      <c r="FM22" s="140"/>
      <c r="FN22" s="140"/>
      <c r="FO22" s="140"/>
      <c r="FP22" s="140"/>
      <c r="FQ22" s="140"/>
      <c r="FR22" s="140"/>
      <c r="FS22" s="140"/>
      <c r="FT22" s="140"/>
      <c r="FU22" s="140"/>
      <c r="FV22" s="140"/>
      <c r="FW22" s="140"/>
      <c r="FX22" s="140"/>
      <c r="FY22" s="138"/>
      <c r="FZ22" s="138"/>
      <c r="GA22" s="138"/>
      <c r="GB22" s="138"/>
      <c r="GC22" s="140"/>
      <c r="GD22" s="140"/>
      <c r="GE22" s="140"/>
      <c r="GF22" s="140"/>
      <c r="GG22" s="140"/>
      <c r="GH22" s="140"/>
      <c r="GI22" s="140"/>
      <c r="GJ22" s="140"/>
      <c r="GK22" s="140"/>
      <c r="GL22" s="140"/>
      <c r="GM22" s="140"/>
      <c r="GN22" s="138"/>
      <c r="GO22" s="138"/>
      <c r="GP22" s="138"/>
      <c r="GQ22" s="138"/>
      <c r="GR22" s="140"/>
      <c r="GS22" s="140"/>
      <c r="GT22" s="140"/>
      <c r="GU22" s="140"/>
      <c r="GV22" s="140"/>
      <c r="GW22" s="140"/>
      <c r="GX22" s="140"/>
      <c r="GY22" s="140"/>
      <c r="GZ22" s="140"/>
      <c r="HA22" s="140"/>
      <c r="HB22" s="140"/>
      <c r="HC22" s="140"/>
      <c r="HD22" s="140"/>
      <c r="HE22" s="140"/>
      <c r="HF22" s="140"/>
      <c r="HG22" s="136"/>
      <c r="HH22" s="2"/>
      <c r="HI22" s="2"/>
      <c r="HJ22" s="2"/>
      <c r="HK22" s="2"/>
      <c r="HL22" s="3"/>
      <c r="HM22" s="3"/>
      <c r="HN22" s="2"/>
      <c r="HO22" s="2"/>
      <c r="HP22" s="2"/>
      <c r="HQ22" s="19"/>
    </row>
    <row r="23" spans="2:225" ht="6" customHeight="1">
      <c r="B23" s="107"/>
      <c r="C23" s="110"/>
      <c r="D23" s="110"/>
      <c r="E23" s="110"/>
      <c r="F23" s="110"/>
      <c r="G23" s="110"/>
      <c r="H23" s="110"/>
      <c r="I23" s="110"/>
      <c r="J23" s="110"/>
      <c r="K23" s="110"/>
      <c r="L23" s="110"/>
      <c r="M23" s="110"/>
      <c r="N23" s="110"/>
      <c r="O23" s="110"/>
      <c r="P23" s="110"/>
      <c r="Q23" s="110"/>
      <c r="R23" s="111"/>
      <c r="S23" s="191"/>
      <c r="T23" s="192"/>
      <c r="U23" s="192"/>
      <c r="V23" s="192"/>
      <c r="W23" s="192"/>
      <c r="X23" s="192"/>
      <c r="Y23" s="192"/>
      <c r="Z23" s="192"/>
      <c r="AA23" s="192"/>
      <c r="AB23" s="192"/>
      <c r="AC23" s="192"/>
      <c r="AD23" s="192"/>
      <c r="AE23" s="192"/>
      <c r="AF23" s="192"/>
      <c r="AG23" s="192"/>
      <c r="AH23" s="192"/>
      <c r="AI23" s="192"/>
      <c r="AJ23" s="192"/>
      <c r="AK23" s="192"/>
      <c r="AL23" s="192"/>
      <c r="AM23" s="192"/>
      <c r="AN23" s="192"/>
      <c r="AO23" s="192"/>
      <c r="AP23" s="192"/>
      <c r="AQ23" s="192"/>
      <c r="AR23" s="192"/>
      <c r="AS23" s="192"/>
      <c r="AT23" s="192"/>
      <c r="AU23" s="192"/>
      <c r="AV23" s="192"/>
      <c r="AW23" s="192"/>
      <c r="AX23" s="192"/>
      <c r="AY23" s="192"/>
      <c r="AZ23" s="192"/>
      <c r="BA23" s="192"/>
      <c r="BB23" s="192"/>
      <c r="BC23" s="192"/>
      <c r="BD23" s="192"/>
      <c r="BE23" s="192"/>
      <c r="BF23" s="192"/>
      <c r="BG23" s="192"/>
      <c r="BH23" s="192"/>
      <c r="BI23" s="192"/>
      <c r="BJ23" s="192"/>
      <c r="BK23" s="192"/>
      <c r="BL23" s="192"/>
      <c r="BM23" s="193"/>
      <c r="BQ23" s="107"/>
      <c r="BR23" s="160"/>
      <c r="BS23" s="160"/>
      <c r="BT23" s="160"/>
      <c r="BU23" s="160"/>
      <c r="BV23" s="160"/>
      <c r="BW23" s="160"/>
      <c r="BX23" s="160"/>
      <c r="BY23" s="160"/>
      <c r="BZ23" s="160"/>
      <c r="CA23" s="160"/>
      <c r="CB23" s="160"/>
      <c r="CC23" s="111"/>
      <c r="CD23" s="139"/>
      <c r="CE23" s="184"/>
      <c r="CF23" s="184"/>
      <c r="CG23" s="184"/>
      <c r="CH23" s="184"/>
      <c r="CI23" s="184"/>
      <c r="CJ23" s="184"/>
      <c r="CK23" s="184"/>
      <c r="CL23" s="184"/>
      <c r="CM23" s="184"/>
      <c r="CN23" s="184"/>
      <c r="CO23" s="184"/>
      <c r="CP23" s="184"/>
      <c r="CQ23" s="184"/>
      <c r="CR23" s="184"/>
      <c r="CS23" s="184"/>
      <c r="CT23" s="184"/>
      <c r="CU23" s="184"/>
      <c r="CV23" s="184"/>
      <c r="CW23" s="184"/>
      <c r="CX23" s="184"/>
      <c r="CY23" s="184"/>
      <c r="CZ23" s="184"/>
      <c r="DA23" s="184"/>
      <c r="DB23" s="184"/>
      <c r="DC23" s="184"/>
      <c r="DD23" s="184"/>
      <c r="DE23" s="184"/>
      <c r="DF23" s="184"/>
      <c r="DG23" s="184"/>
      <c r="DH23" s="184"/>
      <c r="DI23" s="184"/>
      <c r="DJ23" s="184"/>
      <c r="DK23" s="184"/>
      <c r="DL23" s="184"/>
      <c r="DM23" s="184"/>
      <c r="DN23" s="184"/>
      <c r="DO23" s="184"/>
      <c r="DP23" s="184"/>
      <c r="DQ23" s="184"/>
      <c r="DR23" s="184"/>
      <c r="DS23" s="184"/>
      <c r="DT23" s="184"/>
      <c r="DU23" s="184"/>
      <c r="DV23" s="184"/>
      <c r="DW23" s="184"/>
      <c r="DX23" s="184"/>
      <c r="DY23" s="184"/>
      <c r="DZ23" s="184"/>
      <c r="EA23" s="184"/>
      <c r="EB23" s="184"/>
      <c r="EC23" s="184"/>
      <c r="ED23" s="184"/>
      <c r="EE23" s="184"/>
      <c r="EF23" s="184"/>
      <c r="EG23" s="184"/>
      <c r="EH23" s="184"/>
      <c r="EI23" s="184"/>
      <c r="EJ23" s="187"/>
      <c r="EK23" s="2"/>
      <c r="EL23" s="2"/>
      <c r="EM23" s="2"/>
      <c r="EN23" s="35"/>
      <c r="EO23" s="36"/>
      <c r="EP23" s="195"/>
      <c r="EQ23" s="195"/>
      <c r="ER23" s="195"/>
      <c r="ES23" s="195"/>
      <c r="ET23" s="195"/>
      <c r="EU23" s="195"/>
      <c r="EV23" s="195"/>
      <c r="EW23" s="195"/>
      <c r="EX23" s="195"/>
      <c r="EY23" s="195"/>
      <c r="EZ23" s="195"/>
      <c r="FA23" s="195"/>
      <c r="FB23" s="195"/>
      <c r="FC23" s="36"/>
      <c r="FD23" s="36"/>
      <c r="FE23" s="36"/>
      <c r="FF23" s="139"/>
      <c r="FG23" s="139"/>
      <c r="FH23" s="139"/>
      <c r="FI23" s="139"/>
      <c r="FJ23" s="141"/>
      <c r="FK23" s="141"/>
      <c r="FL23" s="141"/>
      <c r="FM23" s="141"/>
      <c r="FN23" s="141"/>
      <c r="FO23" s="141"/>
      <c r="FP23" s="141"/>
      <c r="FQ23" s="141"/>
      <c r="FR23" s="141"/>
      <c r="FS23" s="141"/>
      <c r="FT23" s="141"/>
      <c r="FU23" s="141"/>
      <c r="FV23" s="141"/>
      <c r="FW23" s="141"/>
      <c r="FX23" s="141"/>
      <c r="FY23" s="139"/>
      <c r="FZ23" s="139"/>
      <c r="GA23" s="139"/>
      <c r="GB23" s="139"/>
      <c r="GC23" s="141"/>
      <c r="GD23" s="141"/>
      <c r="GE23" s="141"/>
      <c r="GF23" s="141"/>
      <c r="GG23" s="141"/>
      <c r="GH23" s="141"/>
      <c r="GI23" s="141"/>
      <c r="GJ23" s="141"/>
      <c r="GK23" s="141"/>
      <c r="GL23" s="141"/>
      <c r="GM23" s="141"/>
      <c r="GN23" s="139"/>
      <c r="GO23" s="139"/>
      <c r="GP23" s="139"/>
      <c r="GQ23" s="139"/>
      <c r="GR23" s="141"/>
      <c r="GS23" s="141"/>
      <c r="GT23" s="141"/>
      <c r="GU23" s="141"/>
      <c r="GV23" s="141"/>
      <c r="GW23" s="141"/>
      <c r="GX23" s="141"/>
      <c r="GY23" s="141"/>
      <c r="GZ23" s="141"/>
      <c r="HA23" s="141"/>
      <c r="HB23" s="141"/>
      <c r="HC23" s="141"/>
      <c r="HD23" s="141"/>
      <c r="HE23" s="141"/>
      <c r="HF23" s="141"/>
      <c r="HG23" s="137"/>
      <c r="HH23" s="36"/>
      <c r="HI23" s="36"/>
      <c r="HJ23" s="36"/>
      <c r="HK23" s="36"/>
      <c r="HL23" s="36"/>
      <c r="HM23" s="36"/>
      <c r="HN23" s="37"/>
      <c r="HO23" s="37"/>
      <c r="HP23" s="37"/>
      <c r="HQ23" s="38"/>
    </row>
    <row r="24" spans="2:225" ht="6" customHeight="1">
      <c r="BM24" s="39"/>
    </row>
    <row r="25" spans="2:225" ht="6" customHeight="1">
      <c r="BN25" s="39"/>
      <c r="BY25" s="2"/>
      <c r="BZ25" s="2"/>
      <c r="CA25" s="202" t="s">
        <v>19</v>
      </c>
      <c r="CB25" s="202"/>
      <c r="CC25" s="202"/>
      <c r="CD25" s="202"/>
      <c r="CE25" s="202"/>
      <c r="CF25" s="202"/>
      <c r="CG25" s="202"/>
      <c r="CH25" s="202"/>
      <c r="CI25" s="202"/>
      <c r="CJ25" s="202"/>
      <c r="CK25" s="202"/>
      <c r="CL25" s="202"/>
      <c r="CM25" s="202"/>
      <c r="CN25" s="202"/>
      <c r="CO25" s="202"/>
      <c r="CP25" s="202"/>
      <c r="CQ25" s="202"/>
      <c r="CR25" s="202"/>
      <c r="CS25" s="202"/>
      <c r="CT25" s="202"/>
      <c r="CU25" s="202"/>
      <c r="CV25" s="202"/>
      <c r="CW25" s="202"/>
      <c r="CX25" s="202"/>
      <c r="CY25" s="202"/>
      <c r="CZ25" s="202"/>
      <c r="DA25" s="202"/>
      <c r="DB25" s="202"/>
      <c r="DC25" s="202"/>
      <c r="DD25" s="202"/>
      <c r="DE25" s="202"/>
      <c r="DF25" s="202"/>
      <c r="DG25" s="202"/>
      <c r="DH25" s="202"/>
      <c r="DI25" s="202"/>
      <c r="DJ25" s="202"/>
      <c r="DK25" s="202"/>
      <c r="DL25" s="202"/>
      <c r="DM25" s="202"/>
      <c r="DN25" s="202"/>
      <c r="DO25" s="202"/>
      <c r="DP25" s="202"/>
      <c r="DQ25" s="202"/>
      <c r="DR25" s="202"/>
      <c r="DS25" s="202"/>
      <c r="DT25" s="202"/>
      <c r="DU25" s="202"/>
      <c r="DV25" s="202"/>
      <c r="DW25" s="202"/>
      <c r="DX25" s="202"/>
      <c r="DY25" s="202"/>
      <c r="DZ25" s="202"/>
      <c r="EA25" s="202"/>
      <c r="EB25" s="202"/>
      <c r="EC25" s="202"/>
      <c r="ED25" s="202"/>
      <c r="EE25" s="202"/>
      <c r="EF25" s="202"/>
      <c r="EG25" s="202"/>
      <c r="EH25" s="202"/>
      <c r="EI25" s="202"/>
      <c r="EJ25" s="202"/>
      <c r="EK25" s="202"/>
      <c r="EL25" s="202"/>
      <c r="EM25" s="202"/>
      <c r="EN25" s="202"/>
      <c r="EO25" s="202"/>
      <c r="EP25" s="202"/>
      <c r="EQ25" s="202"/>
      <c r="ER25" s="202"/>
      <c r="ES25" s="202"/>
      <c r="ET25" s="202"/>
      <c r="EU25" s="202"/>
      <c r="EV25" s="202"/>
      <c r="EW25" s="202"/>
      <c r="EX25" s="202"/>
      <c r="EY25" s="202"/>
      <c r="EZ25" s="202"/>
      <c r="FA25" s="202"/>
      <c r="FB25" s="202"/>
      <c r="FC25" s="202"/>
      <c r="FD25" s="202"/>
      <c r="FE25" s="202"/>
      <c r="FF25" s="202"/>
    </row>
    <row r="26" spans="2:225" ht="6" customHeight="1">
      <c r="B26" s="85"/>
      <c r="C26" s="40"/>
      <c r="D26" s="40"/>
      <c r="E26" s="40"/>
      <c r="F26" s="40"/>
      <c r="G26" s="40"/>
      <c r="H26" s="40"/>
      <c r="I26" s="40"/>
      <c r="J26" s="40"/>
      <c r="K26" s="40"/>
      <c r="L26" s="40"/>
      <c r="M26" s="40"/>
      <c r="N26" s="40"/>
      <c r="O26" s="40"/>
      <c r="P26" s="40"/>
      <c r="Q26" s="40"/>
      <c r="R26" s="144"/>
      <c r="S26" s="85"/>
      <c r="T26" s="146" t="s">
        <v>20</v>
      </c>
      <c r="U26" s="146"/>
      <c r="V26" s="146"/>
      <c r="W26" s="146"/>
      <c r="X26" s="146"/>
      <c r="Y26" s="146"/>
      <c r="Z26" s="146"/>
      <c r="AA26" s="146"/>
      <c r="AB26" s="146"/>
      <c r="AC26" s="146"/>
      <c r="AD26" s="91"/>
      <c r="AE26" s="85"/>
      <c r="AF26" s="146" t="s">
        <v>21</v>
      </c>
      <c r="AG26" s="146"/>
      <c r="AH26" s="146"/>
      <c r="AI26" s="146"/>
      <c r="AJ26" s="146"/>
      <c r="AK26" s="146"/>
      <c r="AL26" s="146"/>
      <c r="AM26" s="146"/>
      <c r="AN26" s="146"/>
      <c r="AO26" s="146"/>
      <c r="AP26" s="91"/>
      <c r="AQ26" s="85"/>
      <c r="AR26" s="146" t="s">
        <v>22</v>
      </c>
      <c r="AS26" s="146"/>
      <c r="AT26" s="146"/>
      <c r="AU26" s="146"/>
      <c r="AV26" s="146"/>
      <c r="AW26" s="146"/>
      <c r="AX26" s="146"/>
      <c r="AY26" s="146"/>
      <c r="AZ26" s="146"/>
      <c r="BA26" s="146"/>
      <c r="BB26" s="91"/>
      <c r="BD26" s="196" t="s">
        <v>23</v>
      </c>
      <c r="BE26" s="146"/>
      <c r="BF26" s="146"/>
      <c r="BG26" s="146"/>
      <c r="BH26" s="146"/>
      <c r="BI26" s="146"/>
      <c r="BJ26" s="146"/>
      <c r="BK26" s="146"/>
      <c r="BL26" s="146"/>
      <c r="BM26" s="146"/>
      <c r="BN26" s="146"/>
      <c r="BO26" s="146"/>
      <c r="BP26" s="146"/>
      <c r="BQ26" s="146"/>
      <c r="BR26" s="146"/>
      <c r="BS26" s="146"/>
      <c r="BT26" s="146"/>
      <c r="BU26" s="146"/>
      <c r="BV26" s="146"/>
      <c r="BW26" s="146"/>
      <c r="BX26" s="146"/>
      <c r="BY26" s="197"/>
      <c r="BZ26" s="2"/>
      <c r="CA26" s="203"/>
      <c r="CB26" s="203"/>
      <c r="CC26" s="203"/>
      <c r="CD26" s="203"/>
      <c r="CE26" s="203"/>
      <c r="CF26" s="203"/>
      <c r="CG26" s="203"/>
      <c r="CH26" s="203"/>
      <c r="CI26" s="203"/>
      <c r="CJ26" s="203"/>
      <c r="CK26" s="203"/>
      <c r="CL26" s="203"/>
      <c r="CM26" s="203"/>
      <c r="CN26" s="203"/>
      <c r="CO26" s="203"/>
      <c r="CP26" s="203"/>
      <c r="CQ26" s="203"/>
      <c r="CR26" s="203"/>
      <c r="CS26" s="203"/>
      <c r="CT26" s="203"/>
      <c r="CU26" s="203"/>
      <c r="CV26" s="203"/>
      <c r="CW26" s="203"/>
      <c r="CX26" s="203"/>
      <c r="CY26" s="203"/>
      <c r="CZ26" s="203"/>
      <c r="DA26" s="203"/>
      <c r="DB26" s="203"/>
      <c r="DC26" s="203"/>
      <c r="DD26" s="203"/>
      <c r="DE26" s="203"/>
      <c r="DF26" s="203"/>
      <c r="DG26" s="203"/>
      <c r="DH26" s="203"/>
      <c r="DI26" s="203"/>
      <c r="DJ26" s="203"/>
      <c r="DK26" s="203"/>
      <c r="DL26" s="203"/>
      <c r="DM26" s="203"/>
      <c r="DN26" s="203"/>
      <c r="DO26" s="203"/>
      <c r="DP26" s="203"/>
      <c r="DQ26" s="203"/>
      <c r="DR26" s="203"/>
      <c r="DS26" s="203"/>
      <c r="DT26" s="203"/>
      <c r="DU26" s="203"/>
      <c r="DV26" s="203"/>
      <c r="DW26" s="203"/>
      <c r="DX26" s="203"/>
      <c r="DY26" s="203"/>
      <c r="DZ26" s="203"/>
      <c r="EA26" s="203"/>
      <c r="EB26" s="203"/>
      <c r="EC26" s="203"/>
      <c r="ED26" s="203"/>
      <c r="EE26" s="203"/>
      <c r="EF26" s="203"/>
      <c r="EG26" s="203"/>
      <c r="EH26" s="203"/>
      <c r="EI26" s="203"/>
      <c r="EJ26" s="203"/>
      <c r="EK26" s="203"/>
      <c r="EL26" s="203"/>
      <c r="EM26" s="203"/>
      <c r="EN26" s="203"/>
      <c r="EO26" s="203"/>
      <c r="EP26" s="203"/>
      <c r="EQ26" s="203"/>
      <c r="ER26" s="203"/>
      <c r="ES26" s="203"/>
      <c r="ET26" s="203"/>
      <c r="EU26" s="203"/>
      <c r="EV26" s="203"/>
      <c r="EW26" s="203"/>
      <c r="EX26" s="203"/>
      <c r="EY26" s="203"/>
      <c r="EZ26" s="203"/>
      <c r="FA26" s="203"/>
      <c r="FB26" s="203"/>
      <c r="FC26" s="203"/>
      <c r="FD26" s="203"/>
      <c r="FE26" s="203"/>
      <c r="FF26" s="203"/>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row>
    <row r="27" spans="2:225" ht="6" customHeight="1">
      <c r="B27" s="87"/>
      <c r="C27" s="223" t="s">
        <v>24</v>
      </c>
      <c r="D27" s="223"/>
      <c r="E27" s="223"/>
      <c r="F27" s="223"/>
      <c r="G27" s="223"/>
      <c r="H27" s="223"/>
      <c r="I27" s="223"/>
      <c r="J27" s="223"/>
      <c r="K27" s="223"/>
      <c r="L27" s="223"/>
      <c r="M27" s="223"/>
      <c r="N27" s="223"/>
      <c r="O27" s="223"/>
      <c r="P27" s="223"/>
      <c r="Q27" s="223"/>
      <c r="R27" s="145"/>
      <c r="S27" s="87"/>
      <c r="T27" s="147"/>
      <c r="U27" s="147"/>
      <c r="V27" s="147"/>
      <c r="W27" s="147"/>
      <c r="X27" s="147"/>
      <c r="Y27" s="147"/>
      <c r="Z27" s="147"/>
      <c r="AA27" s="147"/>
      <c r="AB27" s="147"/>
      <c r="AC27" s="147"/>
      <c r="AD27" s="92"/>
      <c r="AE27" s="87"/>
      <c r="AF27" s="147"/>
      <c r="AG27" s="147"/>
      <c r="AH27" s="147"/>
      <c r="AI27" s="147"/>
      <c r="AJ27" s="147"/>
      <c r="AK27" s="147"/>
      <c r="AL27" s="147"/>
      <c r="AM27" s="147"/>
      <c r="AN27" s="147"/>
      <c r="AO27" s="147"/>
      <c r="AP27" s="92"/>
      <c r="AQ27" s="87"/>
      <c r="AR27" s="147"/>
      <c r="AS27" s="147"/>
      <c r="AT27" s="147"/>
      <c r="AU27" s="147"/>
      <c r="AV27" s="147"/>
      <c r="AW27" s="147"/>
      <c r="AX27" s="147"/>
      <c r="AY27" s="147"/>
      <c r="AZ27" s="147"/>
      <c r="BA27" s="147"/>
      <c r="BB27" s="92"/>
      <c r="BD27" s="198"/>
      <c r="BE27" s="147"/>
      <c r="BF27" s="147"/>
      <c r="BG27" s="147"/>
      <c r="BH27" s="147"/>
      <c r="BI27" s="147"/>
      <c r="BJ27" s="147"/>
      <c r="BK27" s="147"/>
      <c r="BL27" s="147"/>
      <c r="BM27" s="147"/>
      <c r="BN27" s="147"/>
      <c r="BO27" s="147"/>
      <c r="BP27" s="147"/>
      <c r="BQ27" s="147"/>
      <c r="BR27" s="147"/>
      <c r="BS27" s="147"/>
      <c r="BT27" s="147"/>
      <c r="BU27" s="147"/>
      <c r="BV27" s="147"/>
      <c r="BW27" s="147"/>
      <c r="BX27" s="147"/>
      <c r="BY27" s="199"/>
      <c r="BZ27" s="2"/>
      <c r="CA27" s="41"/>
      <c r="CB27" s="42"/>
      <c r="CC27" s="149" t="s">
        <v>25</v>
      </c>
      <c r="CD27" s="149"/>
      <c r="CE27" s="149"/>
      <c r="CF27" s="149"/>
      <c r="CG27" s="149"/>
      <c r="CH27" s="149"/>
      <c r="CI27" s="149"/>
      <c r="CJ27" s="149"/>
      <c r="CK27" s="149"/>
      <c r="CL27" s="149"/>
      <c r="CM27" s="149"/>
      <c r="CN27" s="149"/>
      <c r="CO27" s="149"/>
      <c r="CP27" s="149"/>
      <c r="CQ27" s="149"/>
      <c r="CR27" s="149"/>
      <c r="CS27" s="149"/>
      <c r="CT27" s="42"/>
      <c r="CU27" s="43"/>
      <c r="CV27" s="41"/>
      <c r="CW27" s="42"/>
      <c r="CX27" s="149" t="s">
        <v>26</v>
      </c>
      <c r="CY27" s="149"/>
      <c r="CZ27" s="149"/>
      <c r="DA27" s="149"/>
      <c r="DB27" s="149"/>
      <c r="DC27" s="149"/>
      <c r="DD27" s="149"/>
      <c r="DE27" s="149"/>
      <c r="DF27" s="149"/>
      <c r="DG27" s="149"/>
      <c r="DH27" s="149"/>
      <c r="DI27" s="149"/>
      <c r="DJ27" s="149"/>
      <c r="DK27" s="149"/>
      <c r="DL27" s="149"/>
      <c r="DM27" s="149"/>
      <c r="DN27" s="149"/>
      <c r="DO27" s="42"/>
      <c r="DP27" s="43"/>
      <c r="DQ27" s="41"/>
      <c r="DR27" s="42"/>
      <c r="DS27" s="149" t="s">
        <v>27</v>
      </c>
      <c r="DT27" s="149"/>
      <c r="DU27" s="149"/>
      <c r="DV27" s="149"/>
      <c r="DW27" s="149"/>
      <c r="DX27" s="149"/>
      <c r="DY27" s="149"/>
      <c r="DZ27" s="149"/>
      <c r="EA27" s="149"/>
      <c r="EB27" s="149"/>
      <c r="EC27" s="149"/>
      <c r="ED27" s="149"/>
      <c r="EE27" s="149"/>
      <c r="EF27" s="149"/>
      <c r="EG27" s="149"/>
      <c r="EH27" s="149"/>
      <c r="EI27" s="149"/>
      <c r="EJ27" s="42"/>
      <c r="EK27" s="43"/>
      <c r="EL27" s="41"/>
      <c r="EM27" s="149" t="s">
        <v>28</v>
      </c>
      <c r="EN27" s="149"/>
      <c r="EO27" s="149"/>
      <c r="EP27" s="149"/>
      <c r="EQ27" s="149"/>
      <c r="ER27" s="149"/>
      <c r="ES27" s="149"/>
      <c r="ET27" s="149"/>
      <c r="EU27" s="149"/>
      <c r="EV27" s="149"/>
      <c r="EW27" s="149"/>
      <c r="EX27" s="149"/>
      <c r="EY27" s="149"/>
      <c r="EZ27" s="149"/>
      <c r="FA27" s="149"/>
      <c r="FB27" s="149"/>
      <c r="FC27" s="149"/>
      <c r="FD27" s="149"/>
      <c r="FE27" s="149"/>
      <c r="FF27" s="44"/>
      <c r="FG27" s="45"/>
      <c r="FH27" s="149" t="s">
        <v>29</v>
      </c>
      <c r="FI27" s="149"/>
      <c r="FJ27" s="149"/>
      <c r="FK27" s="149"/>
      <c r="FL27" s="149"/>
      <c r="FM27" s="149"/>
      <c r="FN27" s="149"/>
      <c r="FO27" s="149"/>
      <c r="FP27" s="149"/>
      <c r="FQ27" s="149"/>
      <c r="FR27" s="149"/>
      <c r="FS27" s="149"/>
      <c r="FT27" s="149"/>
      <c r="FU27" s="149"/>
      <c r="FV27" s="149"/>
      <c r="FW27" s="149"/>
      <c r="FX27" s="149"/>
      <c r="FY27" s="149"/>
      <c r="FZ27" s="149"/>
      <c r="GA27" s="43"/>
      <c r="GB27" s="41"/>
      <c r="GC27" s="42"/>
      <c r="GD27" s="149" t="s">
        <v>30</v>
      </c>
      <c r="GE27" s="149"/>
      <c r="GF27" s="149"/>
      <c r="GG27" s="149"/>
      <c r="GH27" s="149"/>
      <c r="GI27" s="149"/>
      <c r="GJ27" s="149"/>
      <c r="GK27" s="149"/>
      <c r="GL27" s="149"/>
      <c r="GM27" s="149"/>
      <c r="GN27" s="149"/>
      <c r="GO27" s="149"/>
      <c r="GP27" s="149"/>
      <c r="GQ27" s="149"/>
      <c r="GR27" s="149"/>
      <c r="GS27" s="149"/>
      <c r="GT27" s="149"/>
      <c r="GU27" s="42"/>
      <c r="GV27" s="43"/>
      <c r="GW27" s="41"/>
      <c r="GX27" s="42"/>
      <c r="GY27" s="149" t="s">
        <v>31</v>
      </c>
      <c r="GZ27" s="149"/>
      <c r="HA27" s="149"/>
      <c r="HB27" s="149"/>
      <c r="HC27" s="149"/>
      <c r="HD27" s="149"/>
      <c r="HE27" s="149"/>
      <c r="HF27" s="149"/>
      <c r="HG27" s="149"/>
      <c r="HH27" s="149"/>
      <c r="HI27" s="149"/>
      <c r="HJ27" s="149"/>
      <c r="HK27" s="149"/>
      <c r="HL27" s="149"/>
      <c r="HM27" s="149"/>
      <c r="HN27" s="149"/>
      <c r="HO27" s="149"/>
      <c r="HP27" s="42"/>
      <c r="HQ27" s="43"/>
    </row>
    <row r="28" spans="2:225" ht="6" customHeight="1">
      <c r="B28" s="87"/>
      <c r="C28" s="223"/>
      <c r="D28" s="223"/>
      <c r="E28" s="223"/>
      <c r="F28" s="223"/>
      <c r="G28" s="223"/>
      <c r="H28" s="223"/>
      <c r="I28" s="223"/>
      <c r="J28" s="223"/>
      <c r="K28" s="223"/>
      <c r="L28" s="223"/>
      <c r="M28" s="223"/>
      <c r="N28" s="223"/>
      <c r="O28" s="223"/>
      <c r="P28" s="223"/>
      <c r="Q28" s="223"/>
      <c r="R28" s="145"/>
      <c r="S28" s="107"/>
      <c r="T28" s="148"/>
      <c r="U28" s="148"/>
      <c r="V28" s="148"/>
      <c r="W28" s="148"/>
      <c r="X28" s="148"/>
      <c r="Y28" s="148"/>
      <c r="Z28" s="148"/>
      <c r="AA28" s="148"/>
      <c r="AB28" s="148"/>
      <c r="AC28" s="148"/>
      <c r="AD28" s="111"/>
      <c r="AE28" s="107"/>
      <c r="AF28" s="148"/>
      <c r="AG28" s="148"/>
      <c r="AH28" s="148"/>
      <c r="AI28" s="148"/>
      <c r="AJ28" s="148"/>
      <c r="AK28" s="148"/>
      <c r="AL28" s="148"/>
      <c r="AM28" s="148"/>
      <c r="AN28" s="148"/>
      <c r="AO28" s="148"/>
      <c r="AP28" s="111"/>
      <c r="AQ28" s="107"/>
      <c r="AR28" s="148"/>
      <c r="AS28" s="148"/>
      <c r="AT28" s="148"/>
      <c r="AU28" s="148"/>
      <c r="AV28" s="148"/>
      <c r="AW28" s="148"/>
      <c r="AX28" s="148"/>
      <c r="AY28" s="148"/>
      <c r="AZ28" s="148"/>
      <c r="BA28" s="148"/>
      <c r="BB28" s="111"/>
      <c r="BC28" s="46"/>
      <c r="BD28" s="200"/>
      <c r="BE28" s="148"/>
      <c r="BF28" s="148"/>
      <c r="BG28" s="148"/>
      <c r="BH28" s="148"/>
      <c r="BI28" s="148"/>
      <c r="BJ28" s="148"/>
      <c r="BK28" s="148"/>
      <c r="BL28" s="148"/>
      <c r="BM28" s="148"/>
      <c r="BN28" s="148"/>
      <c r="BO28" s="148"/>
      <c r="BP28" s="148"/>
      <c r="BQ28" s="148"/>
      <c r="BR28" s="148"/>
      <c r="BS28" s="148"/>
      <c r="BT28" s="148"/>
      <c r="BU28" s="148"/>
      <c r="BV28" s="148"/>
      <c r="BW28" s="148"/>
      <c r="BX28" s="148"/>
      <c r="BY28" s="201"/>
      <c r="BZ28" s="47"/>
      <c r="CA28" s="48"/>
      <c r="CB28" s="49"/>
      <c r="CC28" s="150"/>
      <c r="CD28" s="150"/>
      <c r="CE28" s="150"/>
      <c r="CF28" s="150"/>
      <c r="CG28" s="150"/>
      <c r="CH28" s="150"/>
      <c r="CI28" s="150"/>
      <c r="CJ28" s="150"/>
      <c r="CK28" s="150"/>
      <c r="CL28" s="150"/>
      <c r="CM28" s="150"/>
      <c r="CN28" s="150"/>
      <c r="CO28" s="150"/>
      <c r="CP28" s="150"/>
      <c r="CQ28" s="150"/>
      <c r="CR28" s="150"/>
      <c r="CS28" s="150"/>
      <c r="CT28" s="50"/>
      <c r="CU28" s="51"/>
      <c r="CV28" s="48"/>
      <c r="CW28" s="49"/>
      <c r="CX28" s="150"/>
      <c r="CY28" s="150"/>
      <c r="CZ28" s="150"/>
      <c r="DA28" s="150"/>
      <c r="DB28" s="150"/>
      <c r="DC28" s="150"/>
      <c r="DD28" s="150"/>
      <c r="DE28" s="150"/>
      <c r="DF28" s="150"/>
      <c r="DG28" s="150"/>
      <c r="DH28" s="150"/>
      <c r="DI28" s="150"/>
      <c r="DJ28" s="150"/>
      <c r="DK28" s="150"/>
      <c r="DL28" s="150"/>
      <c r="DM28" s="150"/>
      <c r="DN28" s="150"/>
      <c r="DO28" s="50"/>
      <c r="DP28" s="51"/>
      <c r="DQ28" s="48"/>
      <c r="DR28" s="49"/>
      <c r="DS28" s="150"/>
      <c r="DT28" s="150"/>
      <c r="DU28" s="150"/>
      <c r="DV28" s="150"/>
      <c r="DW28" s="150"/>
      <c r="DX28" s="150"/>
      <c r="DY28" s="150"/>
      <c r="DZ28" s="150"/>
      <c r="EA28" s="150"/>
      <c r="EB28" s="150"/>
      <c r="EC28" s="150"/>
      <c r="ED28" s="150"/>
      <c r="EE28" s="150"/>
      <c r="EF28" s="150"/>
      <c r="EG28" s="150"/>
      <c r="EH28" s="150"/>
      <c r="EI28" s="150"/>
      <c r="EJ28" s="50"/>
      <c r="EK28" s="51"/>
      <c r="EL28" s="48"/>
      <c r="EM28" s="150"/>
      <c r="EN28" s="150"/>
      <c r="EO28" s="150"/>
      <c r="EP28" s="150"/>
      <c r="EQ28" s="150"/>
      <c r="ER28" s="150"/>
      <c r="ES28" s="150"/>
      <c r="ET28" s="150"/>
      <c r="EU28" s="150"/>
      <c r="EV28" s="150"/>
      <c r="EW28" s="150"/>
      <c r="EX28" s="150"/>
      <c r="EY28" s="150"/>
      <c r="EZ28" s="150"/>
      <c r="FA28" s="150"/>
      <c r="FB28" s="150"/>
      <c r="FC28" s="150"/>
      <c r="FD28" s="150"/>
      <c r="FE28" s="150"/>
      <c r="FF28" s="51"/>
      <c r="FG28" s="48"/>
      <c r="FH28" s="150"/>
      <c r="FI28" s="150"/>
      <c r="FJ28" s="150"/>
      <c r="FK28" s="150"/>
      <c r="FL28" s="150"/>
      <c r="FM28" s="150"/>
      <c r="FN28" s="150"/>
      <c r="FO28" s="150"/>
      <c r="FP28" s="150"/>
      <c r="FQ28" s="150"/>
      <c r="FR28" s="150"/>
      <c r="FS28" s="150"/>
      <c r="FT28" s="150"/>
      <c r="FU28" s="150"/>
      <c r="FV28" s="150"/>
      <c r="FW28" s="150"/>
      <c r="FX28" s="150"/>
      <c r="FY28" s="150"/>
      <c r="FZ28" s="150"/>
      <c r="GA28" s="51"/>
      <c r="GB28" s="48"/>
      <c r="GC28" s="49"/>
      <c r="GD28" s="150"/>
      <c r="GE28" s="150"/>
      <c r="GF28" s="150"/>
      <c r="GG28" s="150"/>
      <c r="GH28" s="150"/>
      <c r="GI28" s="150"/>
      <c r="GJ28" s="150"/>
      <c r="GK28" s="150"/>
      <c r="GL28" s="150"/>
      <c r="GM28" s="150"/>
      <c r="GN28" s="150"/>
      <c r="GO28" s="150"/>
      <c r="GP28" s="150"/>
      <c r="GQ28" s="150"/>
      <c r="GR28" s="150"/>
      <c r="GS28" s="150"/>
      <c r="GT28" s="150"/>
      <c r="GU28" s="50"/>
      <c r="GV28" s="51"/>
      <c r="GW28" s="48"/>
      <c r="GX28" s="49"/>
      <c r="GY28" s="150"/>
      <c r="GZ28" s="150"/>
      <c r="HA28" s="150"/>
      <c r="HB28" s="150"/>
      <c r="HC28" s="150"/>
      <c r="HD28" s="150"/>
      <c r="HE28" s="150"/>
      <c r="HF28" s="150"/>
      <c r="HG28" s="150"/>
      <c r="HH28" s="150"/>
      <c r="HI28" s="150"/>
      <c r="HJ28" s="150"/>
      <c r="HK28" s="150"/>
      <c r="HL28" s="150"/>
      <c r="HM28" s="150"/>
      <c r="HN28" s="150"/>
      <c r="HO28" s="150"/>
      <c r="HP28" s="50"/>
      <c r="HQ28" s="51"/>
    </row>
    <row r="29" spans="2:225" ht="6" customHeight="1">
      <c r="B29" s="87"/>
      <c r="C29" s="223"/>
      <c r="D29" s="223"/>
      <c r="E29" s="223"/>
      <c r="F29" s="223"/>
      <c r="G29" s="223"/>
      <c r="H29" s="223"/>
      <c r="I29" s="223"/>
      <c r="J29" s="223"/>
      <c r="K29" s="223"/>
      <c r="L29" s="223"/>
      <c r="M29" s="223"/>
      <c r="N29" s="223"/>
      <c r="O29" s="223"/>
      <c r="P29" s="223"/>
      <c r="Q29" s="223"/>
      <c r="R29" s="145"/>
      <c r="S29" s="172"/>
      <c r="T29" s="224"/>
      <c r="U29" s="224"/>
      <c r="V29" s="224"/>
      <c r="W29" s="224"/>
      <c r="X29" s="224"/>
      <c r="Y29" s="224"/>
      <c r="Z29" s="224"/>
      <c r="AA29" s="224"/>
      <c r="AB29" s="224"/>
      <c r="AC29" s="224"/>
      <c r="AD29" s="224"/>
      <c r="AE29" s="172"/>
      <c r="AF29" s="224"/>
      <c r="AG29" s="224"/>
      <c r="AH29" s="224"/>
      <c r="AI29" s="224"/>
      <c r="AJ29" s="224"/>
      <c r="AK29" s="224"/>
      <c r="AL29" s="224"/>
      <c r="AM29" s="224"/>
      <c r="AN29" s="224"/>
      <c r="AO29" s="224"/>
      <c r="AP29" s="224"/>
      <c r="AQ29" s="172"/>
      <c r="AR29" s="224"/>
      <c r="AS29" s="224"/>
      <c r="AT29" s="224"/>
      <c r="AU29" s="224"/>
      <c r="AV29" s="224"/>
      <c r="AW29" s="224"/>
      <c r="AX29" s="224"/>
      <c r="AY29" s="224"/>
      <c r="AZ29" s="224"/>
      <c r="BA29" s="224"/>
      <c r="BB29" s="124"/>
      <c r="BC29" s="52"/>
      <c r="BD29" s="227"/>
      <c r="BE29" s="228"/>
      <c r="BF29" s="228"/>
      <c r="BG29" s="228"/>
      <c r="BH29" s="228"/>
      <c r="BI29" s="228"/>
      <c r="BJ29" s="228"/>
      <c r="BK29" s="228"/>
      <c r="BL29" s="228"/>
      <c r="BM29" s="228"/>
      <c r="BN29" s="228"/>
      <c r="BO29" s="228"/>
      <c r="BP29" s="228"/>
      <c r="BQ29" s="228"/>
      <c r="BR29" s="228"/>
      <c r="BS29" s="228"/>
      <c r="BT29" s="228"/>
      <c r="BU29" s="228"/>
      <c r="BV29" s="228"/>
      <c r="BW29" s="228"/>
      <c r="BX29" s="228"/>
      <c r="BY29" s="229"/>
      <c r="BZ29" s="47"/>
      <c r="CA29" s="204" t="s">
        <v>32</v>
      </c>
      <c r="CB29" s="205"/>
      <c r="CC29" s="205"/>
      <c r="CD29" s="205"/>
      <c r="CE29" s="205"/>
      <c r="CF29" s="205"/>
      <c r="CG29" s="205"/>
      <c r="CH29" s="205"/>
      <c r="CI29" s="205"/>
      <c r="CJ29" s="205"/>
      <c r="CK29" s="205"/>
      <c r="CL29" s="205"/>
      <c r="CM29" s="205"/>
      <c r="CN29" s="205"/>
      <c r="CO29" s="205"/>
      <c r="CP29" s="205"/>
      <c r="CQ29" s="205"/>
      <c r="CR29" s="205"/>
      <c r="CS29" s="205"/>
      <c r="CT29" s="205"/>
      <c r="CU29" s="206"/>
      <c r="CV29" s="204" t="s">
        <v>33</v>
      </c>
      <c r="CW29" s="205"/>
      <c r="CX29" s="205"/>
      <c r="CY29" s="205"/>
      <c r="CZ29" s="205"/>
      <c r="DA29" s="205"/>
      <c r="DB29" s="205"/>
      <c r="DC29" s="205"/>
      <c r="DD29" s="205"/>
      <c r="DE29" s="205"/>
      <c r="DF29" s="205"/>
      <c r="DG29" s="205"/>
      <c r="DH29" s="205"/>
      <c r="DI29" s="205"/>
      <c r="DJ29" s="205"/>
      <c r="DK29" s="205"/>
      <c r="DL29" s="205"/>
      <c r="DM29" s="205"/>
      <c r="DN29" s="205"/>
      <c r="DO29" s="205"/>
      <c r="DP29" s="206"/>
      <c r="DQ29" s="204" t="s">
        <v>34</v>
      </c>
      <c r="DR29" s="205"/>
      <c r="DS29" s="205"/>
      <c r="DT29" s="205"/>
      <c r="DU29" s="205"/>
      <c r="DV29" s="205"/>
      <c r="DW29" s="205"/>
      <c r="DX29" s="205"/>
      <c r="DY29" s="205"/>
      <c r="DZ29" s="205"/>
      <c r="EA29" s="205"/>
      <c r="EB29" s="205"/>
      <c r="EC29" s="205"/>
      <c r="ED29" s="205"/>
      <c r="EE29" s="205"/>
      <c r="EF29" s="205"/>
      <c r="EG29" s="205"/>
      <c r="EH29" s="205"/>
      <c r="EI29" s="205"/>
      <c r="EJ29" s="205"/>
      <c r="EK29" s="206"/>
      <c r="EL29" s="204" t="s">
        <v>35</v>
      </c>
      <c r="EM29" s="205"/>
      <c r="EN29" s="205"/>
      <c r="EO29" s="205"/>
      <c r="EP29" s="205"/>
      <c r="EQ29" s="205"/>
      <c r="ER29" s="205"/>
      <c r="ES29" s="205"/>
      <c r="ET29" s="205"/>
      <c r="EU29" s="205"/>
      <c r="EV29" s="205"/>
      <c r="EW29" s="205"/>
      <c r="EX29" s="205"/>
      <c r="EY29" s="205"/>
      <c r="EZ29" s="205"/>
      <c r="FA29" s="205"/>
      <c r="FB29" s="205"/>
      <c r="FC29" s="205"/>
      <c r="FD29" s="205"/>
      <c r="FE29" s="205"/>
      <c r="FF29" s="206"/>
      <c r="FG29" s="204" t="s">
        <v>36</v>
      </c>
      <c r="FH29" s="205"/>
      <c r="FI29" s="205"/>
      <c r="FJ29" s="205"/>
      <c r="FK29" s="205"/>
      <c r="FL29" s="205"/>
      <c r="FM29" s="205"/>
      <c r="FN29" s="205"/>
      <c r="FO29" s="205"/>
      <c r="FP29" s="205"/>
      <c r="FQ29" s="205"/>
      <c r="FR29" s="205"/>
      <c r="FS29" s="205"/>
      <c r="FT29" s="205"/>
      <c r="FU29" s="205"/>
      <c r="FV29" s="205"/>
      <c r="FW29" s="205"/>
      <c r="FX29" s="205"/>
      <c r="FY29" s="205"/>
      <c r="FZ29" s="205"/>
      <c r="GA29" s="206"/>
      <c r="GB29" s="204" t="s">
        <v>37</v>
      </c>
      <c r="GC29" s="205"/>
      <c r="GD29" s="205"/>
      <c r="GE29" s="205"/>
      <c r="GF29" s="205"/>
      <c r="GG29" s="205"/>
      <c r="GH29" s="205"/>
      <c r="GI29" s="205"/>
      <c r="GJ29" s="205"/>
      <c r="GK29" s="205"/>
      <c r="GL29" s="205"/>
      <c r="GM29" s="205"/>
      <c r="GN29" s="205"/>
      <c r="GO29" s="205"/>
      <c r="GP29" s="205"/>
      <c r="GQ29" s="205"/>
      <c r="GR29" s="205"/>
      <c r="GS29" s="205"/>
      <c r="GT29" s="205"/>
      <c r="GU29" s="205"/>
      <c r="GV29" s="206"/>
      <c r="GW29" s="204" t="s">
        <v>38</v>
      </c>
      <c r="GX29" s="205"/>
      <c r="GY29" s="205"/>
      <c r="GZ29" s="205"/>
      <c r="HA29" s="205"/>
      <c r="HB29" s="205"/>
      <c r="HC29" s="205"/>
      <c r="HD29" s="205"/>
      <c r="HE29" s="205"/>
      <c r="HF29" s="205"/>
      <c r="HG29" s="205"/>
      <c r="HH29" s="205"/>
      <c r="HI29" s="205"/>
      <c r="HJ29" s="205"/>
      <c r="HK29" s="205"/>
      <c r="HL29" s="205"/>
      <c r="HM29" s="205"/>
      <c r="HN29" s="205"/>
      <c r="HO29" s="205"/>
      <c r="HP29" s="205"/>
      <c r="HQ29" s="206"/>
    </row>
    <row r="30" spans="2:225" ht="6" customHeight="1">
      <c r="B30" s="87"/>
      <c r="C30" s="210" t="s">
        <v>39</v>
      </c>
      <c r="D30" s="210"/>
      <c r="E30" s="210"/>
      <c r="F30" s="210"/>
      <c r="G30" s="210"/>
      <c r="H30" s="210"/>
      <c r="I30" s="210"/>
      <c r="J30" s="210"/>
      <c r="K30" s="210"/>
      <c r="L30" s="210"/>
      <c r="M30" s="210"/>
      <c r="N30" s="210"/>
      <c r="O30" s="210"/>
      <c r="P30" s="210"/>
      <c r="Q30" s="210"/>
      <c r="R30" s="145"/>
      <c r="S30" s="173"/>
      <c r="T30" s="225"/>
      <c r="U30" s="225"/>
      <c r="V30" s="225"/>
      <c r="W30" s="225"/>
      <c r="X30" s="225"/>
      <c r="Y30" s="225"/>
      <c r="Z30" s="225"/>
      <c r="AA30" s="225"/>
      <c r="AB30" s="225"/>
      <c r="AC30" s="225"/>
      <c r="AD30" s="225"/>
      <c r="AE30" s="173"/>
      <c r="AF30" s="225"/>
      <c r="AG30" s="225"/>
      <c r="AH30" s="225"/>
      <c r="AI30" s="225"/>
      <c r="AJ30" s="225"/>
      <c r="AK30" s="225"/>
      <c r="AL30" s="225"/>
      <c r="AM30" s="225"/>
      <c r="AN30" s="225"/>
      <c r="AO30" s="225"/>
      <c r="AP30" s="225"/>
      <c r="AQ30" s="173"/>
      <c r="AR30" s="225"/>
      <c r="AS30" s="225"/>
      <c r="AT30" s="225"/>
      <c r="AU30" s="225"/>
      <c r="AV30" s="225"/>
      <c r="AW30" s="225"/>
      <c r="AX30" s="225"/>
      <c r="AY30" s="225"/>
      <c r="AZ30" s="225"/>
      <c r="BA30" s="225"/>
      <c r="BB30" s="125"/>
      <c r="BC30" s="52"/>
      <c r="BD30" s="230"/>
      <c r="BE30" s="231"/>
      <c r="BF30" s="231"/>
      <c r="BG30" s="231"/>
      <c r="BH30" s="231"/>
      <c r="BI30" s="231"/>
      <c r="BJ30" s="231"/>
      <c r="BK30" s="231"/>
      <c r="BL30" s="231"/>
      <c r="BM30" s="231"/>
      <c r="BN30" s="231"/>
      <c r="BO30" s="231"/>
      <c r="BP30" s="231"/>
      <c r="BQ30" s="231"/>
      <c r="BR30" s="231"/>
      <c r="BS30" s="231"/>
      <c r="BT30" s="231"/>
      <c r="BU30" s="231"/>
      <c r="BV30" s="231"/>
      <c r="BW30" s="231"/>
      <c r="BX30" s="231"/>
      <c r="BY30" s="232"/>
      <c r="BZ30" s="2"/>
      <c r="CA30" s="207"/>
      <c r="CB30" s="208"/>
      <c r="CC30" s="208"/>
      <c r="CD30" s="208"/>
      <c r="CE30" s="208"/>
      <c r="CF30" s="208"/>
      <c r="CG30" s="208"/>
      <c r="CH30" s="208"/>
      <c r="CI30" s="208"/>
      <c r="CJ30" s="208"/>
      <c r="CK30" s="208"/>
      <c r="CL30" s="208"/>
      <c r="CM30" s="208"/>
      <c r="CN30" s="208"/>
      <c r="CO30" s="208"/>
      <c r="CP30" s="208"/>
      <c r="CQ30" s="208"/>
      <c r="CR30" s="208"/>
      <c r="CS30" s="208"/>
      <c r="CT30" s="208"/>
      <c r="CU30" s="209"/>
      <c r="CV30" s="207"/>
      <c r="CW30" s="208"/>
      <c r="CX30" s="208"/>
      <c r="CY30" s="208"/>
      <c r="CZ30" s="208"/>
      <c r="DA30" s="208"/>
      <c r="DB30" s="208"/>
      <c r="DC30" s="208"/>
      <c r="DD30" s="208"/>
      <c r="DE30" s="208"/>
      <c r="DF30" s="208"/>
      <c r="DG30" s="208"/>
      <c r="DH30" s="208"/>
      <c r="DI30" s="208"/>
      <c r="DJ30" s="208"/>
      <c r="DK30" s="208"/>
      <c r="DL30" s="208"/>
      <c r="DM30" s="208"/>
      <c r="DN30" s="208"/>
      <c r="DO30" s="208"/>
      <c r="DP30" s="209"/>
      <c r="DQ30" s="207"/>
      <c r="DR30" s="208"/>
      <c r="DS30" s="208"/>
      <c r="DT30" s="208"/>
      <c r="DU30" s="208"/>
      <c r="DV30" s="208"/>
      <c r="DW30" s="208"/>
      <c r="DX30" s="208"/>
      <c r="DY30" s="208"/>
      <c r="DZ30" s="208"/>
      <c r="EA30" s="208"/>
      <c r="EB30" s="208"/>
      <c r="EC30" s="208"/>
      <c r="ED30" s="208"/>
      <c r="EE30" s="208"/>
      <c r="EF30" s="208"/>
      <c r="EG30" s="208"/>
      <c r="EH30" s="208"/>
      <c r="EI30" s="208"/>
      <c r="EJ30" s="208"/>
      <c r="EK30" s="209"/>
      <c r="EL30" s="207"/>
      <c r="EM30" s="208"/>
      <c r="EN30" s="208"/>
      <c r="EO30" s="208"/>
      <c r="EP30" s="208"/>
      <c r="EQ30" s="208"/>
      <c r="ER30" s="208"/>
      <c r="ES30" s="208"/>
      <c r="ET30" s="208"/>
      <c r="EU30" s="208"/>
      <c r="EV30" s="208"/>
      <c r="EW30" s="208"/>
      <c r="EX30" s="208"/>
      <c r="EY30" s="208"/>
      <c r="EZ30" s="208"/>
      <c r="FA30" s="208"/>
      <c r="FB30" s="208"/>
      <c r="FC30" s="208"/>
      <c r="FD30" s="208"/>
      <c r="FE30" s="208"/>
      <c r="FF30" s="209"/>
      <c r="FG30" s="207"/>
      <c r="FH30" s="208"/>
      <c r="FI30" s="208"/>
      <c r="FJ30" s="208"/>
      <c r="FK30" s="208"/>
      <c r="FL30" s="208"/>
      <c r="FM30" s="208"/>
      <c r="FN30" s="208"/>
      <c r="FO30" s="208"/>
      <c r="FP30" s="208"/>
      <c r="FQ30" s="208"/>
      <c r="FR30" s="208"/>
      <c r="FS30" s="208"/>
      <c r="FT30" s="208"/>
      <c r="FU30" s="208"/>
      <c r="FV30" s="208"/>
      <c r="FW30" s="208"/>
      <c r="FX30" s="208"/>
      <c r="FY30" s="208"/>
      <c r="FZ30" s="208"/>
      <c r="GA30" s="209"/>
      <c r="GB30" s="207"/>
      <c r="GC30" s="208"/>
      <c r="GD30" s="208"/>
      <c r="GE30" s="208"/>
      <c r="GF30" s="208"/>
      <c r="GG30" s="208"/>
      <c r="GH30" s="208"/>
      <c r="GI30" s="208"/>
      <c r="GJ30" s="208"/>
      <c r="GK30" s="208"/>
      <c r="GL30" s="208"/>
      <c r="GM30" s="208"/>
      <c r="GN30" s="208"/>
      <c r="GO30" s="208"/>
      <c r="GP30" s="208"/>
      <c r="GQ30" s="208"/>
      <c r="GR30" s="208"/>
      <c r="GS30" s="208"/>
      <c r="GT30" s="208"/>
      <c r="GU30" s="208"/>
      <c r="GV30" s="209"/>
      <c r="GW30" s="207"/>
      <c r="GX30" s="208"/>
      <c r="GY30" s="208"/>
      <c r="GZ30" s="208"/>
      <c r="HA30" s="208"/>
      <c r="HB30" s="208"/>
      <c r="HC30" s="208"/>
      <c r="HD30" s="208"/>
      <c r="HE30" s="208"/>
      <c r="HF30" s="208"/>
      <c r="HG30" s="208"/>
      <c r="HH30" s="208"/>
      <c r="HI30" s="208"/>
      <c r="HJ30" s="208"/>
      <c r="HK30" s="208"/>
      <c r="HL30" s="208"/>
      <c r="HM30" s="208"/>
      <c r="HN30" s="208"/>
      <c r="HO30" s="208"/>
      <c r="HP30" s="208"/>
      <c r="HQ30" s="209"/>
    </row>
    <row r="31" spans="2:225" ht="6" customHeight="1">
      <c r="B31" s="53"/>
      <c r="C31" s="210"/>
      <c r="D31" s="210"/>
      <c r="E31" s="210"/>
      <c r="F31" s="210"/>
      <c r="G31" s="210"/>
      <c r="H31" s="210"/>
      <c r="I31" s="210"/>
      <c r="J31" s="210"/>
      <c r="K31" s="210"/>
      <c r="L31" s="210"/>
      <c r="M31" s="210"/>
      <c r="N31" s="210"/>
      <c r="O31" s="210"/>
      <c r="P31" s="210"/>
      <c r="Q31" s="210"/>
      <c r="R31" s="54"/>
      <c r="S31" s="173"/>
      <c r="T31" s="225"/>
      <c r="U31" s="225"/>
      <c r="V31" s="225"/>
      <c r="W31" s="225"/>
      <c r="X31" s="225"/>
      <c r="Y31" s="225"/>
      <c r="Z31" s="225"/>
      <c r="AA31" s="225"/>
      <c r="AB31" s="225"/>
      <c r="AC31" s="225"/>
      <c r="AD31" s="225"/>
      <c r="AE31" s="173"/>
      <c r="AF31" s="225"/>
      <c r="AG31" s="225"/>
      <c r="AH31" s="225"/>
      <c r="AI31" s="225"/>
      <c r="AJ31" s="225"/>
      <c r="AK31" s="225"/>
      <c r="AL31" s="225"/>
      <c r="AM31" s="225"/>
      <c r="AN31" s="225"/>
      <c r="AO31" s="225"/>
      <c r="AP31" s="225"/>
      <c r="AQ31" s="173"/>
      <c r="AR31" s="225"/>
      <c r="AS31" s="225"/>
      <c r="AT31" s="225"/>
      <c r="AU31" s="225"/>
      <c r="AV31" s="225"/>
      <c r="AW31" s="225"/>
      <c r="AX31" s="225"/>
      <c r="AY31" s="225"/>
      <c r="AZ31" s="225"/>
      <c r="BA31" s="225"/>
      <c r="BB31" s="125"/>
      <c r="BC31" s="52"/>
      <c r="BD31" s="230"/>
      <c r="BE31" s="231"/>
      <c r="BF31" s="231"/>
      <c r="BG31" s="231"/>
      <c r="BH31" s="231"/>
      <c r="BI31" s="231"/>
      <c r="BJ31" s="231"/>
      <c r="BK31" s="231"/>
      <c r="BL31" s="231"/>
      <c r="BM31" s="231"/>
      <c r="BN31" s="231"/>
      <c r="BO31" s="231"/>
      <c r="BP31" s="231"/>
      <c r="BQ31" s="231"/>
      <c r="BR31" s="231"/>
      <c r="BS31" s="231"/>
      <c r="BT31" s="231"/>
      <c r="BU31" s="231"/>
      <c r="BV31" s="231"/>
      <c r="BW31" s="231"/>
      <c r="BX31" s="231"/>
      <c r="BY31" s="232"/>
      <c r="BZ31" s="2"/>
      <c r="CA31" s="211"/>
      <c r="CB31" s="212"/>
      <c r="CC31" s="212"/>
      <c r="CD31" s="212"/>
      <c r="CE31" s="212"/>
      <c r="CF31" s="212"/>
      <c r="CG31" s="212"/>
      <c r="CH31" s="212"/>
      <c r="CI31" s="212"/>
      <c r="CJ31" s="212"/>
      <c r="CK31" s="212"/>
      <c r="CL31" s="212"/>
      <c r="CM31" s="212"/>
      <c r="CN31" s="212"/>
      <c r="CO31" s="212"/>
      <c r="CP31" s="212"/>
      <c r="CQ31" s="212"/>
      <c r="CR31" s="212"/>
      <c r="CS31" s="212"/>
      <c r="CT31" s="212"/>
      <c r="CU31" s="213"/>
      <c r="CV31" s="211"/>
      <c r="CW31" s="212"/>
      <c r="CX31" s="212"/>
      <c r="CY31" s="212"/>
      <c r="CZ31" s="212"/>
      <c r="DA31" s="212"/>
      <c r="DB31" s="212"/>
      <c r="DC31" s="212"/>
      <c r="DD31" s="212"/>
      <c r="DE31" s="212"/>
      <c r="DF31" s="212"/>
      <c r="DG31" s="212"/>
      <c r="DH31" s="212"/>
      <c r="DI31" s="212"/>
      <c r="DJ31" s="212"/>
      <c r="DK31" s="212"/>
      <c r="DL31" s="212"/>
      <c r="DM31" s="212"/>
      <c r="DN31" s="212"/>
      <c r="DO31" s="212"/>
      <c r="DP31" s="213"/>
      <c r="DQ31" s="217"/>
      <c r="DR31" s="218"/>
      <c r="DS31" s="218"/>
      <c r="DT31" s="218"/>
      <c r="DU31" s="218"/>
      <c r="DV31" s="218"/>
      <c r="DW31" s="218"/>
      <c r="DX31" s="218"/>
      <c r="DY31" s="218"/>
      <c r="DZ31" s="218"/>
      <c r="EA31" s="218"/>
      <c r="EB31" s="218"/>
      <c r="EC31" s="218"/>
      <c r="ED31" s="218"/>
      <c r="EE31" s="218"/>
      <c r="EF31" s="218"/>
      <c r="EG31" s="218"/>
      <c r="EH31" s="218"/>
      <c r="EI31" s="218"/>
      <c r="EJ31" s="218"/>
      <c r="EK31" s="219"/>
      <c r="EL31" s="211"/>
      <c r="EM31" s="212"/>
      <c r="EN31" s="212"/>
      <c r="EO31" s="212"/>
      <c r="EP31" s="212"/>
      <c r="EQ31" s="212"/>
      <c r="ER31" s="212"/>
      <c r="ES31" s="212"/>
      <c r="ET31" s="212"/>
      <c r="EU31" s="212"/>
      <c r="EV31" s="212"/>
      <c r="EW31" s="212"/>
      <c r="EX31" s="212"/>
      <c r="EY31" s="212"/>
      <c r="EZ31" s="212"/>
      <c r="FA31" s="212"/>
      <c r="FB31" s="212"/>
      <c r="FC31" s="212"/>
      <c r="FD31" s="212"/>
      <c r="FE31" s="212"/>
      <c r="FF31" s="213"/>
      <c r="FG31" s="211"/>
      <c r="FH31" s="212"/>
      <c r="FI31" s="212"/>
      <c r="FJ31" s="212"/>
      <c r="FK31" s="212"/>
      <c r="FL31" s="212"/>
      <c r="FM31" s="212"/>
      <c r="FN31" s="212"/>
      <c r="FO31" s="212"/>
      <c r="FP31" s="212"/>
      <c r="FQ31" s="212"/>
      <c r="FR31" s="212"/>
      <c r="FS31" s="212"/>
      <c r="FT31" s="212"/>
      <c r="FU31" s="212"/>
      <c r="FV31" s="212"/>
      <c r="FW31" s="212"/>
      <c r="FX31" s="212"/>
      <c r="FY31" s="212"/>
      <c r="FZ31" s="212"/>
      <c r="GA31" s="213"/>
      <c r="GB31" s="217"/>
      <c r="GC31" s="218"/>
      <c r="GD31" s="218"/>
      <c r="GE31" s="218"/>
      <c r="GF31" s="218"/>
      <c r="GG31" s="218"/>
      <c r="GH31" s="218"/>
      <c r="GI31" s="218"/>
      <c r="GJ31" s="218"/>
      <c r="GK31" s="218"/>
      <c r="GL31" s="218"/>
      <c r="GM31" s="218"/>
      <c r="GN31" s="218"/>
      <c r="GO31" s="218"/>
      <c r="GP31" s="218"/>
      <c r="GQ31" s="218"/>
      <c r="GR31" s="218"/>
      <c r="GS31" s="218"/>
      <c r="GT31" s="218"/>
      <c r="GU31" s="218"/>
      <c r="GV31" s="219"/>
      <c r="GW31" s="217"/>
      <c r="GX31" s="218"/>
      <c r="GY31" s="218"/>
      <c r="GZ31" s="218"/>
      <c r="HA31" s="218"/>
      <c r="HB31" s="218"/>
      <c r="HC31" s="218"/>
      <c r="HD31" s="218"/>
      <c r="HE31" s="218"/>
      <c r="HF31" s="218"/>
      <c r="HG31" s="218"/>
      <c r="HH31" s="218"/>
      <c r="HI31" s="218"/>
      <c r="HJ31" s="218"/>
      <c r="HK31" s="218"/>
      <c r="HL31" s="218"/>
      <c r="HM31" s="218"/>
      <c r="HN31" s="218"/>
      <c r="HO31" s="218"/>
      <c r="HP31" s="218"/>
      <c r="HQ31" s="219"/>
    </row>
    <row r="32" spans="2:225" ht="6" customHeight="1">
      <c r="B32" s="53"/>
      <c r="C32" s="210"/>
      <c r="D32" s="210"/>
      <c r="E32" s="210"/>
      <c r="F32" s="210"/>
      <c r="G32" s="210"/>
      <c r="H32" s="210"/>
      <c r="I32" s="210"/>
      <c r="J32" s="210"/>
      <c r="K32" s="210"/>
      <c r="L32" s="210"/>
      <c r="M32" s="210"/>
      <c r="N32" s="210"/>
      <c r="O32" s="210"/>
      <c r="P32" s="210"/>
      <c r="Q32" s="210"/>
      <c r="R32" s="54"/>
      <c r="S32" s="173"/>
      <c r="T32" s="225"/>
      <c r="U32" s="225"/>
      <c r="V32" s="225"/>
      <c r="W32" s="225"/>
      <c r="X32" s="225"/>
      <c r="Y32" s="225"/>
      <c r="Z32" s="225"/>
      <c r="AA32" s="225"/>
      <c r="AB32" s="225"/>
      <c r="AC32" s="225"/>
      <c r="AD32" s="225"/>
      <c r="AE32" s="173"/>
      <c r="AF32" s="225"/>
      <c r="AG32" s="225"/>
      <c r="AH32" s="225"/>
      <c r="AI32" s="225"/>
      <c r="AJ32" s="225"/>
      <c r="AK32" s="225"/>
      <c r="AL32" s="225"/>
      <c r="AM32" s="225"/>
      <c r="AN32" s="225"/>
      <c r="AO32" s="225"/>
      <c r="AP32" s="225"/>
      <c r="AQ32" s="173"/>
      <c r="AR32" s="225"/>
      <c r="AS32" s="225"/>
      <c r="AT32" s="225"/>
      <c r="AU32" s="225"/>
      <c r="AV32" s="225"/>
      <c r="AW32" s="225"/>
      <c r="AX32" s="225"/>
      <c r="AY32" s="225"/>
      <c r="AZ32" s="225"/>
      <c r="BA32" s="225"/>
      <c r="BB32" s="125"/>
      <c r="BC32" s="52"/>
      <c r="BD32" s="230"/>
      <c r="BE32" s="231"/>
      <c r="BF32" s="231"/>
      <c r="BG32" s="231"/>
      <c r="BH32" s="231"/>
      <c r="BI32" s="231"/>
      <c r="BJ32" s="231"/>
      <c r="BK32" s="231"/>
      <c r="BL32" s="231"/>
      <c r="BM32" s="231"/>
      <c r="BN32" s="231"/>
      <c r="BO32" s="231"/>
      <c r="BP32" s="231"/>
      <c r="BQ32" s="231"/>
      <c r="BR32" s="231"/>
      <c r="BS32" s="231"/>
      <c r="BT32" s="231"/>
      <c r="BU32" s="231"/>
      <c r="BV32" s="231"/>
      <c r="BW32" s="231"/>
      <c r="BX32" s="231"/>
      <c r="BY32" s="232"/>
      <c r="BZ32" s="2"/>
      <c r="CA32" s="211"/>
      <c r="CB32" s="212"/>
      <c r="CC32" s="212"/>
      <c r="CD32" s="212"/>
      <c r="CE32" s="212"/>
      <c r="CF32" s="212"/>
      <c r="CG32" s="212"/>
      <c r="CH32" s="212"/>
      <c r="CI32" s="212"/>
      <c r="CJ32" s="212"/>
      <c r="CK32" s="212"/>
      <c r="CL32" s="212"/>
      <c r="CM32" s="212"/>
      <c r="CN32" s="212"/>
      <c r="CO32" s="212"/>
      <c r="CP32" s="212"/>
      <c r="CQ32" s="212"/>
      <c r="CR32" s="212"/>
      <c r="CS32" s="212"/>
      <c r="CT32" s="212"/>
      <c r="CU32" s="213"/>
      <c r="CV32" s="211"/>
      <c r="CW32" s="212"/>
      <c r="CX32" s="212"/>
      <c r="CY32" s="212"/>
      <c r="CZ32" s="212"/>
      <c r="DA32" s="212"/>
      <c r="DB32" s="212"/>
      <c r="DC32" s="212"/>
      <c r="DD32" s="212"/>
      <c r="DE32" s="212"/>
      <c r="DF32" s="212"/>
      <c r="DG32" s="212"/>
      <c r="DH32" s="212"/>
      <c r="DI32" s="212"/>
      <c r="DJ32" s="212"/>
      <c r="DK32" s="212"/>
      <c r="DL32" s="212"/>
      <c r="DM32" s="212"/>
      <c r="DN32" s="212"/>
      <c r="DO32" s="212"/>
      <c r="DP32" s="213"/>
      <c r="DQ32" s="217"/>
      <c r="DR32" s="218"/>
      <c r="DS32" s="218"/>
      <c r="DT32" s="218"/>
      <c r="DU32" s="218"/>
      <c r="DV32" s="218"/>
      <c r="DW32" s="218"/>
      <c r="DX32" s="218"/>
      <c r="DY32" s="218"/>
      <c r="DZ32" s="218"/>
      <c r="EA32" s="218"/>
      <c r="EB32" s="218"/>
      <c r="EC32" s="218"/>
      <c r="ED32" s="218"/>
      <c r="EE32" s="218"/>
      <c r="EF32" s="218"/>
      <c r="EG32" s="218"/>
      <c r="EH32" s="218"/>
      <c r="EI32" s="218"/>
      <c r="EJ32" s="218"/>
      <c r="EK32" s="219"/>
      <c r="EL32" s="211"/>
      <c r="EM32" s="212"/>
      <c r="EN32" s="212"/>
      <c r="EO32" s="212"/>
      <c r="EP32" s="212"/>
      <c r="EQ32" s="212"/>
      <c r="ER32" s="212"/>
      <c r="ES32" s="212"/>
      <c r="ET32" s="212"/>
      <c r="EU32" s="212"/>
      <c r="EV32" s="212"/>
      <c r="EW32" s="212"/>
      <c r="EX32" s="212"/>
      <c r="EY32" s="212"/>
      <c r="EZ32" s="212"/>
      <c r="FA32" s="212"/>
      <c r="FB32" s="212"/>
      <c r="FC32" s="212"/>
      <c r="FD32" s="212"/>
      <c r="FE32" s="212"/>
      <c r="FF32" s="213"/>
      <c r="FG32" s="211"/>
      <c r="FH32" s="212"/>
      <c r="FI32" s="212"/>
      <c r="FJ32" s="212"/>
      <c r="FK32" s="212"/>
      <c r="FL32" s="212"/>
      <c r="FM32" s="212"/>
      <c r="FN32" s="212"/>
      <c r="FO32" s="212"/>
      <c r="FP32" s="212"/>
      <c r="FQ32" s="212"/>
      <c r="FR32" s="212"/>
      <c r="FS32" s="212"/>
      <c r="FT32" s="212"/>
      <c r="FU32" s="212"/>
      <c r="FV32" s="212"/>
      <c r="FW32" s="212"/>
      <c r="FX32" s="212"/>
      <c r="FY32" s="212"/>
      <c r="FZ32" s="212"/>
      <c r="GA32" s="213"/>
      <c r="GB32" s="217"/>
      <c r="GC32" s="218"/>
      <c r="GD32" s="218"/>
      <c r="GE32" s="218"/>
      <c r="GF32" s="218"/>
      <c r="GG32" s="218"/>
      <c r="GH32" s="218"/>
      <c r="GI32" s="218"/>
      <c r="GJ32" s="218"/>
      <c r="GK32" s="218"/>
      <c r="GL32" s="218"/>
      <c r="GM32" s="218"/>
      <c r="GN32" s="218"/>
      <c r="GO32" s="218"/>
      <c r="GP32" s="218"/>
      <c r="GQ32" s="218"/>
      <c r="GR32" s="218"/>
      <c r="GS32" s="218"/>
      <c r="GT32" s="218"/>
      <c r="GU32" s="218"/>
      <c r="GV32" s="219"/>
      <c r="GW32" s="217"/>
      <c r="GX32" s="218"/>
      <c r="GY32" s="218"/>
      <c r="GZ32" s="218"/>
      <c r="HA32" s="218"/>
      <c r="HB32" s="218"/>
      <c r="HC32" s="218"/>
      <c r="HD32" s="218"/>
      <c r="HE32" s="218"/>
      <c r="HF32" s="218"/>
      <c r="HG32" s="218"/>
      <c r="HH32" s="218"/>
      <c r="HI32" s="218"/>
      <c r="HJ32" s="218"/>
      <c r="HK32" s="218"/>
      <c r="HL32" s="218"/>
      <c r="HM32" s="218"/>
      <c r="HN32" s="218"/>
      <c r="HO32" s="218"/>
      <c r="HP32" s="218"/>
      <c r="HQ32" s="219"/>
    </row>
    <row r="33" spans="2:225" ht="5.25" customHeight="1">
      <c r="B33" s="55"/>
      <c r="C33" s="56"/>
      <c r="D33" s="56"/>
      <c r="E33" s="56"/>
      <c r="F33" s="56"/>
      <c r="G33" s="56"/>
      <c r="H33" s="56"/>
      <c r="I33" s="56"/>
      <c r="J33" s="56"/>
      <c r="K33" s="56"/>
      <c r="L33" s="56"/>
      <c r="M33" s="56"/>
      <c r="N33" s="56"/>
      <c r="O33" s="56"/>
      <c r="P33" s="56"/>
      <c r="Q33" s="56"/>
      <c r="R33" s="57"/>
      <c r="S33" s="174"/>
      <c r="T33" s="226"/>
      <c r="U33" s="226"/>
      <c r="V33" s="226"/>
      <c r="W33" s="226"/>
      <c r="X33" s="226"/>
      <c r="Y33" s="226"/>
      <c r="Z33" s="226"/>
      <c r="AA33" s="226"/>
      <c r="AB33" s="226"/>
      <c r="AC33" s="226"/>
      <c r="AD33" s="226"/>
      <c r="AE33" s="174"/>
      <c r="AF33" s="226"/>
      <c r="AG33" s="226"/>
      <c r="AH33" s="226"/>
      <c r="AI33" s="226"/>
      <c r="AJ33" s="226"/>
      <c r="AK33" s="226"/>
      <c r="AL33" s="226"/>
      <c r="AM33" s="226"/>
      <c r="AN33" s="226"/>
      <c r="AO33" s="226"/>
      <c r="AP33" s="226"/>
      <c r="AQ33" s="174"/>
      <c r="AR33" s="226"/>
      <c r="AS33" s="226"/>
      <c r="AT33" s="226"/>
      <c r="AU33" s="226"/>
      <c r="AV33" s="226"/>
      <c r="AW33" s="226"/>
      <c r="AX33" s="226"/>
      <c r="AY33" s="226"/>
      <c r="AZ33" s="226"/>
      <c r="BA33" s="226"/>
      <c r="BB33" s="126"/>
      <c r="BC33" s="52"/>
      <c r="BD33" s="233"/>
      <c r="BE33" s="234"/>
      <c r="BF33" s="234"/>
      <c r="BG33" s="234"/>
      <c r="BH33" s="234"/>
      <c r="BI33" s="234"/>
      <c r="BJ33" s="234"/>
      <c r="BK33" s="234"/>
      <c r="BL33" s="234"/>
      <c r="BM33" s="234"/>
      <c r="BN33" s="234"/>
      <c r="BO33" s="234"/>
      <c r="BP33" s="234"/>
      <c r="BQ33" s="234"/>
      <c r="BR33" s="234"/>
      <c r="BS33" s="234"/>
      <c r="BT33" s="234"/>
      <c r="BU33" s="234"/>
      <c r="BV33" s="234"/>
      <c r="BW33" s="234"/>
      <c r="BX33" s="234"/>
      <c r="BY33" s="235"/>
      <c r="BZ33" s="2"/>
      <c r="CA33" s="214"/>
      <c r="CB33" s="215"/>
      <c r="CC33" s="215"/>
      <c r="CD33" s="215"/>
      <c r="CE33" s="215"/>
      <c r="CF33" s="215"/>
      <c r="CG33" s="215"/>
      <c r="CH33" s="215"/>
      <c r="CI33" s="215"/>
      <c r="CJ33" s="215"/>
      <c r="CK33" s="215"/>
      <c r="CL33" s="215"/>
      <c r="CM33" s="215"/>
      <c r="CN33" s="215"/>
      <c r="CO33" s="215"/>
      <c r="CP33" s="215"/>
      <c r="CQ33" s="215"/>
      <c r="CR33" s="215"/>
      <c r="CS33" s="215"/>
      <c r="CT33" s="215"/>
      <c r="CU33" s="216"/>
      <c r="CV33" s="214"/>
      <c r="CW33" s="215"/>
      <c r="CX33" s="215"/>
      <c r="CY33" s="215"/>
      <c r="CZ33" s="215"/>
      <c r="DA33" s="215"/>
      <c r="DB33" s="215"/>
      <c r="DC33" s="215"/>
      <c r="DD33" s="215"/>
      <c r="DE33" s="215"/>
      <c r="DF33" s="215"/>
      <c r="DG33" s="215"/>
      <c r="DH33" s="215"/>
      <c r="DI33" s="215"/>
      <c r="DJ33" s="215"/>
      <c r="DK33" s="215"/>
      <c r="DL33" s="215"/>
      <c r="DM33" s="215"/>
      <c r="DN33" s="215"/>
      <c r="DO33" s="215"/>
      <c r="DP33" s="216"/>
      <c r="DQ33" s="220"/>
      <c r="DR33" s="221"/>
      <c r="DS33" s="221"/>
      <c r="DT33" s="221"/>
      <c r="DU33" s="221"/>
      <c r="DV33" s="221"/>
      <c r="DW33" s="221"/>
      <c r="DX33" s="221"/>
      <c r="DY33" s="221"/>
      <c r="DZ33" s="221"/>
      <c r="EA33" s="221"/>
      <c r="EB33" s="221"/>
      <c r="EC33" s="221"/>
      <c r="ED33" s="221"/>
      <c r="EE33" s="221"/>
      <c r="EF33" s="221"/>
      <c r="EG33" s="221"/>
      <c r="EH33" s="221"/>
      <c r="EI33" s="221"/>
      <c r="EJ33" s="221"/>
      <c r="EK33" s="222"/>
      <c r="EL33" s="214"/>
      <c r="EM33" s="215"/>
      <c r="EN33" s="215"/>
      <c r="EO33" s="215"/>
      <c r="EP33" s="215"/>
      <c r="EQ33" s="215"/>
      <c r="ER33" s="215"/>
      <c r="ES33" s="215"/>
      <c r="ET33" s="215"/>
      <c r="EU33" s="215"/>
      <c r="EV33" s="215"/>
      <c r="EW33" s="215"/>
      <c r="EX33" s="215"/>
      <c r="EY33" s="215"/>
      <c r="EZ33" s="215"/>
      <c r="FA33" s="215"/>
      <c r="FB33" s="215"/>
      <c r="FC33" s="215"/>
      <c r="FD33" s="215"/>
      <c r="FE33" s="215"/>
      <c r="FF33" s="216"/>
      <c r="FG33" s="214"/>
      <c r="FH33" s="215"/>
      <c r="FI33" s="215"/>
      <c r="FJ33" s="215"/>
      <c r="FK33" s="215"/>
      <c r="FL33" s="215"/>
      <c r="FM33" s="215"/>
      <c r="FN33" s="215"/>
      <c r="FO33" s="215"/>
      <c r="FP33" s="215"/>
      <c r="FQ33" s="215"/>
      <c r="FR33" s="215"/>
      <c r="FS33" s="215"/>
      <c r="FT33" s="215"/>
      <c r="FU33" s="215"/>
      <c r="FV33" s="215"/>
      <c r="FW33" s="215"/>
      <c r="FX33" s="215"/>
      <c r="FY33" s="215"/>
      <c r="FZ33" s="215"/>
      <c r="GA33" s="216"/>
      <c r="GB33" s="220"/>
      <c r="GC33" s="221"/>
      <c r="GD33" s="221"/>
      <c r="GE33" s="221"/>
      <c r="GF33" s="221"/>
      <c r="GG33" s="221"/>
      <c r="GH33" s="221"/>
      <c r="GI33" s="221"/>
      <c r="GJ33" s="221"/>
      <c r="GK33" s="221"/>
      <c r="GL33" s="221"/>
      <c r="GM33" s="221"/>
      <c r="GN33" s="221"/>
      <c r="GO33" s="221"/>
      <c r="GP33" s="221"/>
      <c r="GQ33" s="221"/>
      <c r="GR33" s="221"/>
      <c r="GS33" s="221"/>
      <c r="GT33" s="221"/>
      <c r="GU33" s="221"/>
      <c r="GV33" s="222"/>
      <c r="GW33" s="220"/>
      <c r="GX33" s="221"/>
      <c r="GY33" s="221"/>
      <c r="GZ33" s="221"/>
      <c r="HA33" s="221"/>
      <c r="HB33" s="221"/>
      <c r="HC33" s="221"/>
      <c r="HD33" s="221"/>
      <c r="HE33" s="221"/>
      <c r="HF33" s="221"/>
      <c r="HG33" s="221"/>
      <c r="HH33" s="221"/>
      <c r="HI33" s="221"/>
      <c r="HJ33" s="221"/>
      <c r="HK33" s="221"/>
      <c r="HL33" s="221"/>
      <c r="HM33" s="221"/>
      <c r="HN33" s="221"/>
      <c r="HO33" s="221"/>
      <c r="HP33" s="221"/>
      <c r="HQ33" s="222"/>
    </row>
    <row r="34" spans="2:225" ht="6" customHeight="1">
      <c r="B34" s="2"/>
      <c r="C34" s="2"/>
      <c r="D34" s="2"/>
      <c r="E34" s="2"/>
      <c r="F34" s="2"/>
      <c r="G34" s="2"/>
      <c r="H34" s="2"/>
      <c r="I34" s="2"/>
      <c r="J34" s="2"/>
      <c r="K34" s="2"/>
      <c r="L34" s="2"/>
      <c r="M34" s="2"/>
      <c r="N34" s="2"/>
      <c r="O34" s="2"/>
      <c r="P34" s="2"/>
      <c r="Q34" s="2"/>
      <c r="R34" s="2"/>
      <c r="S34" s="2"/>
      <c r="T34" s="2"/>
      <c r="U34" s="2"/>
      <c r="V34" s="2"/>
      <c r="W34" s="2"/>
      <c r="X34" s="2"/>
      <c r="Y34" s="2"/>
      <c r="Z34" s="2"/>
      <c r="AA34" s="2"/>
      <c r="AB34" s="2"/>
      <c r="AC34" s="2"/>
      <c r="AD34" s="2"/>
      <c r="AE34" s="2"/>
      <c r="AF34" s="2"/>
      <c r="AG34" s="2"/>
      <c r="AH34" s="2"/>
      <c r="AI34" s="2"/>
      <c r="AJ34" s="2"/>
      <c r="AK34" s="2"/>
      <c r="AL34" s="2"/>
      <c r="AM34" s="2"/>
      <c r="AN34" s="2"/>
      <c r="AO34" s="2"/>
      <c r="AP34" s="2"/>
      <c r="AQ34" s="2"/>
      <c r="AR34" s="2"/>
      <c r="AS34" s="2"/>
      <c r="AT34" s="2"/>
      <c r="AU34" s="2"/>
      <c r="AV34" s="2"/>
      <c r="AW34" s="2"/>
      <c r="AX34" s="2"/>
      <c r="AY34" s="2"/>
      <c r="AZ34" s="2"/>
      <c r="BA34" s="2"/>
      <c r="BB34" s="2"/>
      <c r="BC34" s="37"/>
      <c r="BD34" s="37"/>
      <c r="BE34" s="37"/>
      <c r="BF34" s="37"/>
      <c r="BG34" s="2"/>
      <c r="BH34" s="2"/>
      <c r="BI34" s="2"/>
      <c r="BJ34" s="2"/>
      <c r="BK34" s="2"/>
      <c r="BL34" s="2"/>
      <c r="BM34" s="2"/>
      <c r="BN34" s="2"/>
      <c r="BO34" s="2"/>
      <c r="BP34" s="2"/>
      <c r="BQ34" s="2"/>
      <c r="BR34" s="2"/>
      <c r="BS34" s="2"/>
      <c r="BT34" s="2"/>
      <c r="BU34" s="2"/>
      <c r="BV34" s="2"/>
      <c r="BW34" s="2"/>
      <c r="BX34" s="58"/>
      <c r="BY34" s="3"/>
      <c r="BZ34" s="47"/>
      <c r="CA34" s="47"/>
      <c r="CB34" s="47"/>
      <c r="CC34" s="47"/>
      <c r="CD34" s="47"/>
      <c r="CE34" s="47"/>
      <c r="CF34" s="47"/>
      <c r="CG34" s="47"/>
      <c r="CH34" s="47"/>
      <c r="CI34" s="47"/>
      <c r="CJ34" s="47"/>
      <c r="CK34" s="47"/>
      <c r="CL34" s="3"/>
      <c r="CM34" s="59"/>
      <c r="CN34" s="59"/>
      <c r="CO34" s="59"/>
      <c r="CP34" s="59"/>
      <c r="CQ34" s="59"/>
      <c r="CR34" s="59"/>
      <c r="CS34" s="59"/>
      <c r="CT34" s="59"/>
      <c r="CU34" s="59"/>
      <c r="CV34" s="59"/>
      <c r="CW34" s="31"/>
      <c r="CX34" s="31"/>
      <c r="CY34" s="31"/>
      <c r="CZ34" s="31"/>
      <c r="DA34" s="31"/>
      <c r="DB34" s="31"/>
      <c r="DC34" s="31"/>
      <c r="DD34" s="31"/>
      <c r="DE34" s="31"/>
      <c r="DF34" s="31"/>
      <c r="DG34" s="31"/>
      <c r="DH34" s="31"/>
      <c r="DI34" s="31"/>
      <c r="DJ34" s="31"/>
      <c r="DK34" s="31"/>
      <c r="DL34" s="31"/>
      <c r="DM34" s="31"/>
      <c r="DN34" s="31"/>
      <c r="DO34" s="31"/>
      <c r="DP34" s="31"/>
      <c r="DQ34" s="31"/>
      <c r="DR34" s="31"/>
      <c r="DS34" s="31"/>
      <c r="DT34" s="31"/>
      <c r="DU34" s="31"/>
      <c r="DV34" s="31"/>
      <c r="DW34" s="31"/>
      <c r="DX34" s="31"/>
      <c r="DY34" s="2"/>
      <c r="DZ34" s="2"/>
      <c r="EA34" s="2"/>
      <c r="EB34" s="58"/>
      <c r="EC34" s="58"/>
      <c r="ED34" s="58"/>
      <c r="EE34" s="58"/>
      <c r="EF34" s="58"/>
      <c r="EG34" s="58"/>
      <c r="EH34" s="3"/>
      <c r="EI34" s="47"/>
      <c r="EJ34" s="47"/>
      <c r="EK34" s="47"/>
      <c r="EL34" s="47"/>
      <c r="EM34" s="47"/>
      <c r="EN34" s="47"/>
      <c r="EO34" s="47"/>
      <c r="EP34" s="47"/>
      <c r="EQ34" s="47"/>
      <c r="ER34" s="47"/>
      <c r="ES34" s="47"/>
      <c r="ET34" s="47"/>
      <c r="EU34" s="3"/>
      <c r="EV34" s="2"/>
      <c r="EW34" s="2"/>
      <c r="EX34" s="2"/>
      <c r="EY34" s="2"/>
      <c r="EZ34" s="2"/>
      <c r="FA34" s="2"/>
      <c r="FB34" s="2"/>
      <c r="FC34" s="2"/>
      <c r="FD34" s="2"/>
      <c r="FE34" s="2"/>
      <c r="FF34" s="2"/>
      <c r="FG34" s="2"/>
      <c r="FH34" s="2"/>
      <c r="FI34" s="2"/>
      <c r="FJ34" s="2"/>
      <c r="FK34" s="2"/>
      <c r="FL34" s="2"/>
      <c r="FM34" s="2"/>
      <c r="FN34" s="2"/>
      <c r="FO34" s="2"/>
      <c r="FP34" s="2"/>
      <c r="FQ34" s="2"/>
      <c r="FR34" s="2"/>
      <c r="FS34" s="2"/>
      <c r="FT34" s="2"/>
      <c r="FU34" s="2"/>
      <c r="FV34" s="2"/>
      <c r="FW34" s="2"/>
      <c r="FX34" s="2"/>
      <c r="FY34" s="2"/>
      <c r="FZ34" s="2"/>
      <c r="GA34" s="2"/>
      <c r="GB34" s="2"/>
      <c r="GC34" s="2"/>
      <c r="GD34" s="2"/>
      <c r="GE34" s="2"/>
      <c r="GF34" s="2"/>
      <c r="GG34" s="2"/>
      <c r="GH34" s="2"/>
      <c r="GI34" s="2"/>
      <c r="GJ34" s="2"/>
      <c r="GK34" s="2"/>
      <c r="GL34" s="2"/>
      <c r="GM34" s="2"/>
      <c r="GN34" s="2"/>
      <c r="GO34" s="2"/>
      <c r="GP34" s="2"/>
      <c r="GQ34" s="2"/>
      <c r="GR34" s="2"/>
      <c r="GS34" s="2"/>
      <c r="GT34" s="2"/>
      <c r="GU34" s="2"/>
      <c r="GV34" s="2"/>
      <c r="GW34" s="2"/>
      <c r="GX34" s="2"/>
      <c r="GY34" s="2"/>
      <c r="GZ34" s="2"/>
      <c r="HA34" s="2"/>
      <c r="HB34" s="2"/>
      <c r="HC34" s="2"/>
      <c r="HD34" s="2"/>
      <c r="HE34" s="2"/>
      <c r="HF34" s="2"/>
      <c r="HG34" s="2"/>
      <c r="HH34" s="2"/>
      <c r="HI34" s="2"/>
      <c r="HJ34" s="2"/>
      <c r="HK34" s="2"/>
      <c r="HL34" s="2"/>
      <c r="HM34" s="2"/>
      <c r="HN34" s="2"/>
      <c r="HO34" s="2"/>
      <c r="HP34" s="2"/>
      <c r="HQ34" s="2"/>
    </row>
    <row r="35" spans="2:225" ht="5.25" customHeight="1">
      <c r="B35" s="243" t="s">
        <v>40</v>
      </c>
      <c r="C35" s="243"/>
      <c r="D35" s="243"/>
      <c r="E35" s="243"/>
      <c r="F35" s="243"/>
      <c r="G35" s="243"/>
      <c r="H35" s="243"/>
      <c r="I35" s="243" t="s">
        <v>41</v>
      </c>
      <c r="J35" s="243"/>
      <c r="K35" s="243"/>
      <c r="L35" s="243"/>
      <c r="M35" s="243"/>
      <c r="N35" s="243"/>
      <c r="O35" s="243"/>
      <c r="P35" s="243" t="s">
        <v>42</v>
      </c>
      <c r="Q35" s="243"/>
      <c r="R35" s="243"/>
      <c r="S35" s="243"/>
      <c r="T35" s="243"/>
      <c r="U35" s="243"/>
      <c r="V35" s="243"/>
      <c r="W35" s="243"/>
      <c r="X35" s="243"/>
      <c r="Y35" s="243"/>
      <c r="Z35" s="243"/>
      <c r="AA35" s="243"/>
      <c r="AB35" s="243"/>
      <c r="AC35" s="243"/>
      <c r="AD35" s="243"/>
      <c r="AE35" s="243"/>
      <c r="AF35" s="243"/>
      <c r="AG35" s="243"/>
      <c r="AH35" s="243"/>
      <c r="AI35" s="243"/>
      <c r="AJ35" s="243"/>
      <c r="AK35" s="243"/>
      <c r="AL35" s="243"/>
      <c r="AM35" s="243"/>
      <c r="AN35" s="243"/>
      <c r="AO35" s="243"/>
      <c r="AP35" s="243"/>
      <c r="AQ35" s="243"/>
      <c r="AR35" s="243"/>
      <c r="AS35" s="243"/>
      <c r="AT35" s="243"/>
      <c r="AU35" s="243"/>
      <c r="AV35" s="243"/>
      <c r="AW35" s="243"/>
      <c r="AX35" s="243"/>
      <c r="AY35" s="243"/>
      <c r="AZ35" s="243"/>
      <c r="BA35" s="243"/>
      <c r="BB35" s="243"/>
      <c r="BC35" s="243"/>
      <c r="BD35" s="243"/>
      <c r="BE35" s="243"/>
      <c r="BF35" s="243"/>
      <c r="BG35" s="243"/>
      <c r="BH35" s="243"/>
      <c r="BI35" s="243"/>
      <c r="BJ35" s="243"/>
      <c r="BK35" s="243"/>
      <c r="BL35" s="243"/>
      <c r="BM35" s="243"/>
      <c r="BN35" s="243"/>
      <c r="BO35" s="243"/>
      <c r="BP35" s="243"/>
      <c r="BQ35" s="243"/>
      <c r="BR35" s="243"/>
      <c r="BS35" s="243"/>
      <c r="BT35" s="243"/>
      <c r="BU35" s="243"/>
      <c r="BV35" s="243"/>
      <c r="BW35" s="243"/>
      <c r="BX35" s="243"/>
      <c r="BY35" s="243"/>
      <c r="BZ35" s="243"/>
      <c r="CA35" s="243"/>
      <c r="CB35" s="243"/>
      <c r="CC35" s="243"/>
      <c r="CD35" s="243"/>
      <c r="CE35" s="243"/>
      <c r="CF35" s="243"/>
      <c r="CG35" s="243"/>
      <c r="CH35" s="243"/>
      <c r="CI35" s="243" t="s">
        <v>43</v>
      </c>
      <c r="CJ35" s="243"/>
      <c r="CK35" s="243"/>
      <c r="CL35" s="243"/>
      <c r="CM35" s="243"/>
      <c r="CN35" s="243"/>
      <c r="CO35" s="243"/>
      <c r="CP35" s="243"/>
      <c r="CQ35" s="243"/>
      <c r="CR35" s="243"/>
      <c r="CS35" s="243"/>
      <c r="CT35" s="243"/>
      <c r="CU35" s="243"/>
      <c r="CV35" s="243"/>
      <c r="CW35" s="243"/>
      <c r="CX35" s="243"/>
      <c r="CY35" s="243"/>
      <c r="CZ35" s="243"/>
      <c r="DA35" s="243"/>
      <c r="DB35" s="243"/>
      <c r="DC35" s="243"/>
      <c r="DD35" s="243"/>
      <c r="DE35" s="243"/>
      <c r="DF35" s="243"/>
      <c r="DG35" s="243"/>
      <c r="DH35" s="243"/>
      <c r="DI35" s="243" t="s">
        <v>44</v>
      </c>
      <c r="DJ35" s="243"/>
      <c r="DK35" s="243"/>
      <c r="DL35" s="243"/>
      <c r="DM35" s="243"/>
      <c r="DN35" s="243"/>
      <c r="DO35" s="243"/>
      <c r="DP35" s="243"/>
      <c r="DQ35" s="243"/>
      <c r="DR35" s="243"/>
      <c r="DS35" s="243"/>
      <c r="DT35" s="243"/>
      <c r="DU35" s="243" t="s">
        <v>45</v>
      </c>
      <c r="DV35" s="243"/>
      <c r="DW35" s="243"/>
      <c r="DX35" s="243"/>
      <c r="DY35" s="243"/>
      <c r="DZ35" s="243"/>
      <c r="EA35" s="243"/>
      <c r="EB35" s="243"/>
      <c r="EC35" s="243"/>
      <c r="ED35" s="243"/>
      <c r="EE35" s="243"/>
      <c r="EF35" s="243"/>
      <c r="EG35" s="264" t="s">
        <v>46</v>
      </c>
      <c r="EH35" s="265"/>
      <c r="EI35" s="265"/>
      <c r="EJ35" s="265"/>
      <c r="EK35" s="265"/>
      <c r="EL35" s="265"/>
      <c r="EM35" s="265"/>
      <c r="EN35" s="265"/>
      <c r="EO35" s="265"/>
      <c r="EP35" s="265"/>
      <c r="EQ35" s="265"/>
      <c r="ER35" s="265"/>
      <c r="ES35" s="265"/>
      <c r="ET35" s="265"/>
      <c r="EU35" s="266"/>
      <c r="EV35" s="273" t="s">
        <v>47</v>
      </c>
      <c r="EW35" s="274"/>
      <c r="EX35" s="274"/>
      <c r="EY35" s="274"/>
      <c r="EZ35" s="274"/>
      <c r="FA35" s="274"/>
      <c r="FB35" s="274"/>
      <c r="FC35" s="274"/>
      <c r="FD35" s="274"/>
      <c r="FE35" s="274"/>
      <c r="FF35" s="274"/>
      <c r="FG35" s="274"/>
      <c r="FH35" s="274"/>
      <c r="FI35" s="274"/>
      <c r="FJ35" s="274"/>
      <c r="FK35" s="274"/>
      <c r="FL35" s="274"/>
      <c r="FM35" s="275"/>
      <c r="FN35" s="243" t="s">
        <v>48</v>
      </c>
      <c r="FO35" s="243"/>
      <c r="FP35" s="243"/>
      <c r="FQ35" s="243"/>
      <c r="FR35" s="243"/>
      <c r="FS35" s="243"/>
      <c r="FT35" s="243"/>
      <c r="FU35" s="243"/>
      <c r="FV35" s="243"/>
      <c r="FW35" s="243"/>
      <c r="FX35" s="243"/>
      <c r="FY35" s="243"/>
      <c r="FZ35" s="243"/>
      <c r="GA35" s="243"/>
      <c r="GB35" s="243"/>
      <c r="GC35" s="243"/>
      <c r="GD35" s="243"/>
      <c r="GE35" s="243"/>
      <c r="GF35" s="243"/>
      <c r="GG35" s="243"/>
      <c r="GH35" s="243"/>
      <c r="GI35" s="243"/>
      <c r="GJ35" s="243"/>
      <c r="GK35" s="243"/>
      <c r="GL35" s="243"/>
      <c r="GM35" s="243"/>
      <c r="GN35" s="243"/>
      <c r="GO35" s="243"/>
      <c r="GP35" s="282" t="s">
        <v>49</v>
      </c>
      <c r="GQ35" s="282"/>
      <c r="GR35" s="282"/>
      <c r="GS35" s="282"/>
      <c r="GT35" s="282"/>
      <c r="GU35" s="282"/>
      <c r="GV35" s="282"/>
      <c r="GW35" s="282"/>
      <c r="GX35" s="282"/>
      <c r="GY35" s="282"/>
      <c r="GZ35" s="282"/>
      <c r="HA35" s="282"/>
      <c r="HB35" s="282"/>
      <c r="HC35" s="282"/>
      <c r="HD35" s="282"/>
      <c r="HE35" s="282"/>
      <c r="HF35" s="282"/>
      <c r="HG35" s="282"/>
      <c r="HH35" s="282"/>
      <c r="HI35" s="282"/>
      <c r="HJ35" s="282"/>
      <c r="HK35" s="282"/>
      <c r="HL35" s="282"/>
      <c r="HM35" s="282"/>
      <c r="HN35" s="282"/>
      <c r="HO35" s="282"/>
      <c r="HP35" s="282"/>
      <c r="HQ35" s="282"/>
    </row>
    <row r="36" spans="2:225" ht="5.25" customHeight="1">
      <c r="B36" s="243"/>
      <c r="C36" s="243"/>
      <c r="D36" s="243"/>
      <c r="E36" s="243"/>
      <c r="F36" s="243"/>
      <c r="G36" s="243"/>
      <c r="H36" s="243"/>
      <c r="I36" s="243"/>
      <c r="J36" s="243"/>
      <c r="K36" s="243"/>
      <c r="L36" s="243"/>
      <c r="M36" s="243"/>
      <c r="N36" s="243"/>
      <c r="O36" s="243"/>
      <c r="P36" s="243"/>
      <c r="Q36" s="243"/>
      <c r="R36" s="243"/>
      <c r="S36" s="243"/>
      <c r="T36" s="243"/>
      <c r="U36" s="243"/>
      <c r="V36" s="243"/>
      <c r="W36" s="243"/>
      <c r="X36" s="243"/>
      <c r="Y36" s="243"/>
      <c r="Z36" s="243"/>
      <c r="AA36" s="243"/>
      <c r="AB36" s="243"/>
      <c r="AC36" s="243"/>
      <c r="AD36" s="243"/>
      <c r="AE36" s="243"/>
      <c r="AF36" s="243"/>
      <c r="AG36" s="243"/>
      <c r="AH36" s="243"/>
      <c r="AI36" s="243"/>
      <c r="AJ36" s="243"/>
      <c r="AK36" s="243"/>
      <c r="AL36" s="243"/>
      <c r="AM36" s="243"/>
      <c r="AN36" s="243"/>
      <c r="AO36" s="243"/>
      <c r="AP36" s="243"/>
      <c r="AQ36" s="243"/>
      <c r="AR36" s="243"/>
      <c r="AS36" s="243"/>
      <c r="AT36" s="243"/>
      <c r="AU36" s="243"/>
      <c r="AV36" s="243"/>
      <c r="AW36" s="243"/>
      <c r="AX36" s="243"/>
      <c r="AY36" s="243"/>
      <c r="AZ36" s="243"/>
      <c r="BA36" s="243"/>
      <c r="BB36" s="243"/>
      <c r="BC36" s="243"/>
      <c r="BD36" s="243"/>
      <c r="BE36" s="243"/>
      <c r="BF36" s="243"/>
      <c r="BG36" s="243"/>
      <c r="BH36" s="243"/>
      <c r="BI36" s="243"/>
      <c r="BJ36" s="243"/>
      <c r="BK36" s="243"/>
      <c r="BL36" s="243"/>
      <c r="BM36" s="243"/>
      <c r="BN36" s="243"/>
      <c r="BO36" s="243"/>
      <c r="BP36" s="243"/>
      <c r="BQ36" s="243"/>
      <c r="BR36" s="243"/>
      <c r="BS36" s="243"/>
      <c r="BT36" s="243"/>
      <c r="BU36" s="243"/>
      <c r="BV36" s="243"/>
      <c r="BW36" s="243"/>
      <c r="BX36" s="243"/>
      <c r="BY36" s="243"/>
      <c r="BZ36" s="243"/>
      <c r="CA36" s="243"/>
      <c r="CB36" s="243"/>
      <c r="CC36" s="243"/>
      <c r="CD36" s="243"/>
      <c r="CE36" s="243"/>
      <c r="CF36" s="243"/>
      <c r="CG36" s="243"/>
      <c r="CH36" s="243"/>
      <c r="CI36" s="243"/>
      <c r="CJ36" s="243"/>
      <c r="CK36" s="243"/>
      <c r="CL36" s="243"/>
      <c r="CM36" s="243"/>
      <c r="CN36" s="243"/>
      <c r="CO36" s="243"/>
      <c r="CP36" s="243"/>
      <c r="CQ36" s="243"/>
      <c r="CR36" s="243"/>
      <c r="CS36" s="243"/>
      <c r="CT36" s="243"/>
      <c r="CU36" s="243"/>
      <c r="CV36" s="243"/>
      <c r="CW36" s="243"/>
      <c r="CX36" s="243"/>
      <c r="CY36" s="243"/>
      <c r="CZ36" s="243"/>
      <c r="DA36" s="243"/>
      <c r="DB36" s="243"/>
      <c r="DC36" s="243"/>
      <c r="DD36" s="243"/>
      <c r="DE36" s="243"/>
      <c r="DF36" s="243"/>
      <c r="DG36" s="243"/>
      <c r="DH36" s="243"/>
      <c r="DI36" s="243"/>
      <c r="DJ36" s="243"/>
      <c r="DK36" s="243"/>
      <c r="DL36" s="243"/>
      <c r="DM36" s="243"/>
      <c r="DN36" s="243"/>
      <c r="DO36" s="243"/>
      <c r="DP36" s="243"/>
      <c r="DQ36" s="243"/>
      <c r="DR36" s="243"/>
      <c r="DS36" s="243"/>
      <c r="DT36" s="243"/>
      <c r="DU36" s="243"/>
      <c r="DV36" s="243"/>
      <c r="DW36" s="243"/>
      <c r="DX36" s="243"/>
      <c r="DY36" s="243"/>
      <c r="DZ36" s="243"/>
      <c r="EA36" s="243"/>
      <c r="EB36" s="243"/>
      <c r="EC36" s="243"/>
      <c r="ED36" s="243"/>
      <c r="EE36" s="243"/>
      <c r="EF36" s="243"/>
      <c r="EG36" s="267"/>
      <c r="EH36" s="268"/>
      <c r="EI36" s="268"/>
      <c r="EJ36" s="268"/>
      <c r="EK36" s="268"/>
      <c r="EL36" s="268"/>
      <c r="EM36" s="268"/>
      <c r="EN36" s="268"/>
      <c r="EO36" s="268"/>
      <c r="EP36" s="268"/>
      <c r="EQ36" s="268"/>
      <c r="ER36" s="268"/>
      <c r="ES36" s="268"/>
      <c r="ET36" s="268"/>
      <c r="EU36" s="269"/>
      <c r="EV36" s="276"/>
      <c r="EW36" s="277"/>
      <c r="EX36" s="277"/>
      <c r="EY36" s="277"/>
      <c r="EZ36" s="277"/>
      <c r="FA36" s="277"/>
      <c r="FB36" s="277"/>
      <c r="FC36" s="277"/>
      <c r="FD36" s="277"/>
      <c r="FE36" s="277"/>
      <c r="FF36" s="277"/>
      <c r="FG36" s="277"/>
      <c r="FH36" s="277"/>
      <c r="FI36" s="277"/>
      <c r="FJ36" s="277"/>
      <c r="FK36" s="277"/>
      <c r="FL36" s="277"/>
      <c r="FM36" s="278"/>
      <c r="FN36" s="243"/>
      <c r="FO36" s="243"/>
      <c r="FP36" s="243"/>
      <c r="FQ36" s="243"/>
      <c r="FR36" s="243"/>
      <c r="FS36" s="243"/>
      <c r="FT36" s="243"/>
      <c r="FU36" s="243"/>
      <c r="FV36" s="243"/>
      <c r="FW36" s="243"/>
      <c r="FX36" s="243"/>
      <c r="FY36" s="243"/>
      <c r="FZ36" s="243"/>
      <c r="GA36" s="243"/>
      <c r="GB36" s="243"/>
      <c r="GC36" s="243"/>
      <c r="GD36" s="243"/>
      <c r="GE36" s="243"/>
      <c r="GF36" s="243"/>
      <c r="GG36" s="243"/>
      <c r="GH36" s="243"/>
      <c r="GI36" s="243"/>
      <c r="GJ36" s="243"/>
      <c r="GK36" s="243"/>
      <c r="GL36" s="243"/>
      <c r="GM36" s="243"/>
      <c r="GN36" s="243"/>
      <c r="GO36" s="243"/>
      <c r="GP36" s="282"/>
      <c r="GQ36" s="282"/>
      <c r="GR36" s="282"/>
      <c r="GS36" s="282"/>
      <c r="GT36" s="282"/>
      <c r="GU36" s="282"/>
      <c r="GV36" s="282"/>
      <c r="GW36" s="282"/>
      <c r="GX36" s="282"/>
      <c r="GY36" s="282"/>
      <c r="GZ36" s="282"/>
      <c r="HA36" s="282"/>
      <c r="HB36" s="282"/>
      <c r="HC36" s="282"/>
      <c r="HD36" s="282"/>
      <c r="HE36" s="282"/>
      <c r="HF36" s="282"/>
      <c r="HG36" s="282"/>
      <c r="HH36" s="282"/>
      <c r="HI36" s="282"/>
      <c r="HJ36" s="282"/>
      <c r="HK36" s="282"/>
      <c r="HL36" s="282"/>
      <c r="HM36" s="282"/>
      <c r="HN36" s="282"/>
      <c r="HO36" s="282"/>
      <c r="HP36" s="282"/>
      <c r="HQ36" s="282"/>
    </row>
    <row r="37" spans="2:225" ht="5.25" customHeight="1">
      <c r="B37" s="243"/>
      <c r="C37" s="243"/>
      <c r="D37" s="243"/>
      <c r="E37" s="243"/>
      <c r="F37" s="243"/>
      <c r="G37" s="243"/>
      <c r="H37" s="243"/>
      <c r="I37" s="243"/>
      <c r="J37" s="243"/>
      <c r="K37" s="243"/>
      <c r="L37" s="243"/>
      <c r="M37" s="243"/>
      <c r="N37" s="243"/>
      <c r="O37" s="243"/>
      <c r="P37" s="243"/>
      <c r="Q37" s="243"/>
      <c r="R37" s="243"/>
      <c r="S37" s="243"/>
      <c r="T37" s="243"/>
      <c r="U37" s="243"/>
      <c r="V37" s="243"/>
      <c r="W37" s="243"/>
      <c r="X37" s="243"/>
      <c r="Y37" s="243"/>
      <c r="Z37" s="243"/>
      <c r="AA37" s="243"/>
      <c r="AB37" s="243"/>
      <c r="AC37" s="243"/>
      <c r="AD37" s="243"/>
      <c r="AE37" s="243"/>
      <c r="AF37" s="243"/>
      <c r="AG37" s="243"/>
      <c r="AH37" s="243"/>
      <c r="AI37" s="243"/>
      <c r="AJ37" s="243"/>
      <c r="AK37" s="243"/>
      <c r="AL37" s="243"/>
      <c r="AM37" s="243"/>
      <c r="AN37" s="243"/>
      <c r="AO37" s="243"/>
      <c r="AP37" s="243"/>
      <c r="AQ37" s="243"/>
      <c r="AR37" s="243"/>
      <c r="AS37" s="243"/>
      <c r="AT37" s="243"/>
      <c r="AU37" s="243"/>
      <c r="AV37" s="243"/>
      <c r="AW37" s="243"/>
      <c r="AX37" s="243"/>
      <c r="AY37" s="243"/>
      <c r="AZ37" s="243"/>
      <c r="BA37" s="243"/>
      <c r="BB37" s="243"/>
      <c r="BC37" s="243"/>
      <c r="BD37" s="243"/>
      <c r="BE37" s="243"/>
      <c r="BF37" s="243"/>
      <c r="BG37" s="243"/>
      <c r="BH37" s="243"/>
      <c r="BI37" s="243"/>
      <c r="BJ37" s="243"/>
      <c r="BK37" s="243"/>
      <c r="BL37" s="243"/>
      <c r="BM37" s="243"/>
      <c r="BN37" s="243"/>
      <c r="BO37" s="243"/>
      <c r="BP37" s="243"/>
      <c r="BQ37" s="243"/>
      <c r="BR37" s="243"/>
      <c r="BS37" s="243"/>
      <c r="BT37" s="243"/>
      <c r="BU37" s="243"/>
      <c r="BV37" s="243"/>
      <c r="BW37" s="243"/>
      <c r="BX37" s="243"/>
      <c r="BY37" s="243"/>
      <c r="BZ37" s="243"/>
      <c r="CA37" s="243"/>
      <c r="CB37" s="243"/>
      <c r="CC37" s="243"/>
      <c r="CD37" s="243"/>
      <c r="CE37" s="243"/>
      <c r="CF37" s="243"/>
      <c r="CG37" s="243"/>
      <c r="CH37" s="243"/>
      <c r="CI37" s="243"/>
      <c r="CJ37" s="243"/>
      <c r="CK37" s="243"/>
      <c r="CL37" s="243"/>
      <c r="CM37" s="243"/>
      <c r="CN37" s="243"/>
      <c r="CO37" s="243"/>
      <c r="CP37" s="243"/>
      <c r="CQ37" s="243"/>
      <c r="CR37" s="243"/>
      <c r="CS37" s="243"/>
      <c r="CT37" s="243"/>
      <c r="CU37" s="243"/>
      <c r="CV37" s="243"/>
      <c r="CW37" s="243"/>
      <c r="CX37" s="243"/>
      <c r="CY37" s="243"/>
      <c r="CZ37" s="243"/>
      <c r="DA37" s="243"/>
      <c r="DB37" s="243"/>
      <c r="DC37" s="243"/>
      <c r="DD37" s="243"/>
      <c r="DE37" s="243"/>
      <c r="DF37" s="243"/>
      <c r="DG37" s="243"/>
      <c r="DH37" s="243"/>
      <c r="DI37" s="243"/>
      <c r="DJ37" s="243"/>
      <c r="DK37" s="243"/>
      <c r="DL37" s="243"/>
      <c r="DM37" s="243"/>
      <c r="DN37" s="243"/>
      <c r="DO37" s="243"/>
      <c r="DP37" s="243"/>
      <c r="DQ37" s="243"/>
      <c r="DR37" s="243"/>
      <c r="DS37" s="243"/>
      <c r="DT37" s="243"/>
      <c r="DU37" s="243"/>
      <c r="DV37" s="243"/>
      <c r="DW37" s="243"/>
      <c r="DX37" s="243"/>
      <c r="DY37" s="243"/>
      <c r="DZ37" s="243"/>
      <c r="EA37" s="243"/>
      <c r="EB37" s="243"/>
      <c r="EC37" s="243"/>
      <c r="ED37" s="243"/>
      <c r="EE37" s="243"/>
      <c r="EF37" s="243"/>
      <c r="EG37" s="270"/>
      <c r="EH37" s="271"/>
      <c r="EI37" s="271"/>
      <c r="EJ37" s="271"/>
      <c r="EK37" s="271"/>
      <c r="EL37" s="271"/>
      <c r="EM37" s="271"/>
      <c r="EN37" s="271"/>
      <c r="EO37" s="271"/>
      <c r="EP37" s="271"/>
      <c r="EQ37" s="271"/>
      <c r="ER37" s="271"/>
      <c r="ES37" s="271"/>
      <c r="ET37" s="271"/>
      <c r="EU37" s="272"/>
      <c r="EV37" s="279"/>
      <c r="EW37" s="280"/>
      <c r="EX37" s="280"/>
      <c r="EY37" s="280"/>
      <c r="EZ37" s="280"/>
      <c r="FA37" s="280"/>
      <c r="FB37" s="280"/>
      <c r="FC37" s="280"/>
      <c r="FD37" s="280"/>
      <c r="FE37" s="280"/>
      <c r="FF37" s="280"/>
      <c r="FG37" s="280"/>
      <c r="FH37" s="280"/>
      <c r="FI37" s="280"/>
      <c r="FJ37" s="280"/>
      <c r="FK37" s="280"/>
      <c r="FL37" s="280"/>
      <c r="FM37" s="281"/>
      <c r="FN37" s="243"/>
      <c r="FO37" s="243"/>
      <c r="FP37" s="243"/>
      <c r="FQ37" s="243"/>
      <c r="FR37" s="243"/>
      <c r="FS37" s="243"/>
      <c r="FT37" s="243"/>
      <c r="FU37" s="243"/>
      <c r="FV37" s="243"/>
      <c r="FW37" s="243"/>
      <c r="FX37" s="243"/>
      <c r="FY37" s="243"/>
      <c r="FZ37" s="243"/>
      <c r="GA37" s="243"/>
      <c r="GB37" s="243"/>
      <c r="GC37" s="243"/>
      <c r="GD37" s="243"/>
      <c r="GE37" s="243"/>
      <c r="GF37" s="243"/>
      <c r="GG37" s="243"/>
      <c r="GH37" s="243"/>
      <c r="GI37" s="243"/>
      <c r="GJ37" s="243"/>
      <c r="GK37" s="243"/>
      <c r="GL37" s="243"/>
      <c r="GM37" s="243"/>
      <c r="GN37" s="243"/>
      <c r="GO37" s="243"/>
      <c r="GP37" s="282"/>
      <c r="GQ37" s="282"/>
      <c r="GR37" s="282"/>
      <c r="GS37" s="282"/>
      <c r="GT37" s="282"/>
      <c r="GU37" s="282"/>
      <c r="GV37" s="282"/>
      <c r="GW37" s="282"/>
      <c r="GX37" s="282"/>
      <c r="GY37" s="282"/>
      <c r="GZ37" s="282"/>
      <c r="HA37" s="282"/>
      <c r="HB37" s="282"/>
      <c r="HC37" s="282"/>
      <c r="HD37" s="282"/>
      <c r="HE37" s="282"/>
      <c r="HF37" s="282"/>
      <c r="HG37" s="282"/>
      <c r="HH37" s="282"/>
      <c r="HI37" s="282"/>
      <c r="HJ37" s="282"/>
      <c r="HK37" s="282"/>
      <c r="HL37" s="282"/>
      <c r="HM37" s="282"/>
      <c r="HN37" s="282"/>
      <c r="HO37" s="282"/>
      <c r="HP37" s="282"/>
      <c r="HQ37" s="282"/>
    </row>
    <row r="38" spans="2:225" ht="6" customHeight="1">
      <c r="B38" s="236"/>
      <c r="C38" s="236"/>
      <c r="D38" s="236"/>
      <c r="E38" s="236"/>
      <c r="F38" s="236"/>
      <c r="G38" s="236"/>
      <c r="H38" s="236"/>
      <c r="I38" s="236"/>
      <c r="J38" s="236"/>
      <c r="K38" s="236"/>
      <c r="L38" s="236"/>
      <c r="M38" s="236"/>
      <c r="N38" s="236"/>
      <c r="O38" s="236"/>
      <c r="P38" s="237"/>
      <c r="Q38" s="238"/>
      <c r="R38" s="239"/>
      <c r="S38" s="239"/>
      <c r="T38" s="239"/>
      <c r="U38" s="239"/>
      <c r="V38" s="239"/>
      <c r="W38" s="239"/>
      <c r="X38" s="239"/>
      <c r="Y38" s="239"/>
      <c r="Z38" s="239"/>
      <c r="AA38" s="239"/>
      <c r="AB38" s="239"/>
      <c r="AC38" s="239"/>
      <c r="AD38" s="239"/>
      <c r="AE38" s="239"/>
      <c r="AF38" s="239"/>
      <c r="AG38" s="239"/>
      <c r="AH38" s="239"/>
      <c r="AI38" s="239"/>
      <c r="AJ38" s="239"/>
      <c r="AK38" s="239"/>
      <c r="AL38" s="239"/>
      <c r="AM38" s="239"/>
      <c r="AN38" s="239"/>
      <c r="AO38" s="239"/>
      <c r="AP38" s="239"/>
      <c r="AQ38" s="239"/>
      <c r="AR38" s="239"/>
      <c r="AS38" s="239"/>
      <c r="AT38" s="239"/>
      <c r="AU38" s="239"/>
      <c r="AV38" s="239"/>
      <c r="AW38" s="239"/>
      <c r="AX38" s="239"/>
      <c r="AY38" s="239"/>
      <c r="AZ38" s="239"/>
      <c r="BA38" s="239"/>
      <c r="BB38" s="239"/>
      <c r="BC38" s="239"/>
      <c r="BD38" s="239"/>
      <c r="BE38" s="239"/>
      <c r="BF38" s="239"/>
      <c r="BG38" s="239"/>
      <c r="BH38" s="239"/>
      <c r="BI38" s="239"/>
      <c r="BJ38" s="239"/>
      <c r="BK38" s="239"/>
      <c r="BL38" s="239"/>
      <c r="BM38" s="239"/>
      <c r="BN38" s="239"/>
      <c r="BO38" s="239"/>
      <c r="BP38" s="239"/>
      <c r="BQ38" s="239"/>
      <c r="BR38" s="239"/>
      <c r="BS38" s="239"/>
      <c r="BT38" s="239"/>
      <c r="BU38" s="239"/>
      <c r="BV38" s="239"/>
      <c r="BW38" s="239"/>
      <c r="BX38" s="239"/>
      <c r="BY38" s="239"/>
      <c r="BZ38" s="239"/>
      <c r="CA38" s="239"/>
      <c r="CB38" s="239"/>
      <c r="CC38" s="239"/>
      <c r="CD38" s="239"/>
      <c r="CE38" s="239"/>
      <c r="CF38" s="239"/>
      <c r="CG38" s="240"/>
      <c r="CH38" s="241"/>
      <c r="CI38" s="242"/>
      <c r="CJ38" s="242"/>
      <c r="CK38" s="242"/>
      <c r="CL38" s="242"/>
      <c r="CM38" s="242"/>
      <c r="CN38" s="242"/>
      <c r="CO38" s="242"/>
      <c r="CP38" s="242"/>
      <c r="CQ38" s="242"/>
      <c r="CR38" s="242"/>
      <c r="CS38" s="242"/>
      <c r="CT38" s="242"/>
      <c r="CU38" s="242"/>
      <c r="CV38" s="242"/>
      <c r="CW38" s="242"/>
      <c r="CX38" s="242"/>
      <c r="CY38" s="242"/>
      <c r="CZ38" s="242"/>
      <c r="DA38" s="242"/>
      <c r="DB38" s="242"/>
      <c r="DC38" s="242"/>
      <c r="DD38" s="242"/>
      <c r="DE38" s="242"/>
      <c r="DF38" s="242"/>
      <c r="DG38" s="242"/>
      <c r="DH38" s="242"/>
      <c r="DI38" s="244"/>
      <c r="DJ38" s="244"/>
      <c r="DK38" s="244"/>
      <c r="DL38" s="244"/>
      <c r="DM38" s="244"/>
      <c r="DN38" s="244"/>
      <c r="DO38" s="244"/>
      <c r="DP38" s="244"/>
      <c r="DQ38" s="244"/>
      <c r="DR38" s="244"/>
      <c r="DS38" s="244"/>
      <c r="DT38" s="244"/>
      <c r="DU38" s="242"/>
      <c r="DV38" s="242"/>
      <c r="DW38" s="242"/>
      <c r="DX38" s="242"/>
      <c r="DY38" s="242"/>
      <c r="DZ38" s="242"/>
      <c r="EA38" s="242"/>
      <c r="EB38" s="242"/>
      <c r="EC38" s="242"/>
      <c r="ED38" s="242"/>
      <c r="EE38" s="242"/>
      <c r="EF38" s="242"/>
      <c r="EG38" s="245"/>
      <c r="EH38" s="246"/>
      <c r="EI38" s="246"/>
      <c r="EJ38" s="246"/>
      <c r="EK38" s="246"/>
      <c r="EL38" s="246"/>
      <c r="EM38" s="246"/>
      <c r="EN38" s="246"/>
      <c r="EO38" s="246"/>
      <c r="EP38" s="246"/>
      <c r="EQ38" s="246"/>
      <c r="ER38" s="246"/>
      <c r="ES38" s="246"/>
      <c r="ET38" s="246"/>
      <c r="EU38" s="247"/>
      <c r="EV38" s="254"/>
      <c r="EW38" s="255"/>
      <c r="EX38" s="255"/>
      <c r="EY38" s="255"/>
      <c r="EZ38" s="255"/>
      <c r="FA38" s="255"/>
      <c r="FB38" s="255"/>
      <c r="FC38" s="255"/>
      <c r="FD38" s="255"/>
      <c r="FE38" s="255"/>
      <c r="FF38" s="255"/>
      <c r="FG38" s="255"/>
      <c r="FH38" s="255"/>
      <c r="FI38" s="255"/>
      <c r="FJ38" s="255"/>
      <c r="FK38" s="255"/>
      <c r="FL38" s="255"/>
      <c r="FM38" s="256"/>
      <c r="FN38" s="242"/>
      <c r="FO38" s="242"/>
      <c r="FP38" s="242"/>
      <c r="FQ38" s="242"/>
      <c r="FR38" s="242"/>
      <c r="FS38" s="242"/>
      <c r="FT38" s="242"/>
      <c r="FU38" s="242"/>
      <c r="FV38" s="242"/>
      <c r="FW38" s="242"/>
      <c r="FX38" s="242"/>
      <c r="FY38" s="242"/>
      <c r="FZ38" s="242"/>
      <c r="GA38" s="242"/>
      <c r="GB38" s="242"/>
      <c r="GC38" s="242"/>
      <c r="GD38" s="242"/>
      <c r="GE38" s="242"/>
      <c r="GF38" s="242"/>
      <c r="GG38" s="242"/>
      <c r="GH38" s="242"/>
      <c r="GI38" s="242"/>
      <c r="GJ38" s="242"/>
      <c r="GK38" s="242"/>
      <c r="GL38" s="242"/>
      <c r="GM38" s="242"/>
      <c r="GN38" s="242"/>
      <c r="GO38" s="242"/>
      <c r="GP38" s="263"/>
      <c r="GQ38" s="263"/>
      <c r="GR38" s="263"/>
      <c r="GS38" s="263"/>
      <c r="GT38" s="263"/>
      <c r="GU38" s="263"/>
      <c r="GV38" s="263"/>
      <c r="GW38" s="263"/>
      <c r="GX38" s="263"/>
      <c r="GY38" s="263"/>
      <c r="GZ38" s="263"/>
      <c r="HA38" s="263"/>
      <c r="HB38" s="263"/>
      <c r="HC38" s="263"/>
      <c r="HD38" s="263"/>
      <c r="HE38" s="263"/>
      <c r="HF38" s="263"/>
      <c r="HG38" s="263"/>
      <c r="HH38" s="263"/>
      <c r="HI38" s="263"/>
      <c r="HJ38" s="263"/>
      <c r="HK38" s="263"/>
      <c r="HL38" s="263"/>
      <c r="HM38" s="263"/>
      <c r="HN38" s="263"/>
      <c r="HO38" s="263"/>
      <c r="HP38" s="263"/>
      <c r="HQ38" s="263"/>
    </row>
    <row r="39" spans="2:225" ht="6" customHeight="1">
      <c r="B39" s="236"/>
      <c r="C39" s="236"/>
      <c r="D39" s="236"/>
      <c r="E39" s="236"/>
      <c r="F39" s="236"/>
      <c r="G39" s="236"/>
      <c r="H39" s="236"/>
      <c r="I39" s="236"/>
      <c r="J39" s="236"/>
      <c r="K39" s="236"/>
      <c r="L39" s="236"/>
      <c r="M39" s="236"/>
      <c r="N39" s="236"/>
      <c r="O39" s="236"/>
      <c r="P39" s="237"/>
      <c r="Q39" s="238"/>
      <c r="R39" s="239"/>
      <c r="S39" s="239"/>
      <c r="T39" s="239"/>
      <c r="U39" s="239"/>
      <c r="V39" s="239"/>
      <c r="W39" s="239"/>
      <c r="X39" s="239"/>
      <c r="Y39" s="239"/>
      <c r="Z39" s="239"/>
      <c r="AA39" s="239"/>
      <c r="AB39" s="239"/>
      <c r="AC39" s="239"/>
      <c r="AD39" s="239"/>
      <c r="AE39" s="239"/>
      <c r="AF39" s="239"/>
      <c r="AG39" s="239"/>
      <c r="AH39" s="239"/>
      <c r="AI39" s="239"/>
      <c r="AJ39" s="239"/>
      <c r="AK39" s="239"/>
      <c r="AL39" s="239"/>
      <c r="AM39" s="239"/>
      <c r="AN39" s="239"/>
      <c r="AO39" s="239"/>
      <c r="AP39" s="239"/>
      <c r="AQ39" s="239"/>
      <c r="AR39" s="239"/>
      <c r="AS39" s="239"/>
      <c r="AT39" s="239"/>
      <c r="AU39" s="239"/>
      <c r="AV39" s="239"/>
      <c r="AW39" s="239"/>
      <c r="AX39" s="239"/>
      <c r="AY39" s="239"/>
      <c r="AZ39" s="239"/>
      <c r="BA39" s="239"/>
      <c r="BB39" s="239"/>
      <c r="BC39" s="239"/>
      <c r="BD39" s="239"/>
      <c r="BE39" s="239"/>
      <c r="BF39" s="239"/>
      <c r="BG39" s="239"/>
      <c r="BH39" s="239"/>
      <c r="BI39" s="239"/>
      <c r="BJ39" s="239"/>
      <c r="BK39" s="239"/>
      <c r="BL39" s="239"/>
      <c r="BM39" s="239"/>
      <c r="BN39" s="239"/>
      <c r="BO39" s="239"/>
      <c r="BP39" s="239"/>
      <c r="BQ39" s="239"/>
      <c r="BR39" s="239"/>
      <c r="BS39" s="239"/>
      <c r="BT39" s="239"/>
      <c r="BU39" s="239"/>
      <c r="BV39" s="239"/>
      <c r="BW39" s="239"/>
      <c r="BX39" s="239"/>
      <c r="BY39" s="239"/>
      <c r="BZ39" s="239"/>
      <c r="CA39" s="239"/>
      <c r="CB39" s="239"/>
      <c r="CC39" s="239"/>
      <c r="CD39" s="239"/>
      <c r="CE39" s="239"/>
      <c r="CF39" s="239"/>
      <c r="CG39" s="240"/>
      <c r="CH39" s="241"/>
      <c r="CI39" s="242"/>
      <c r="CJ39" s="242"/>
      <c r="CK39" s="242"/>
      <c r="CL39" s="242"/>
      <c r="CM39" s="242"/>
      <c r="CN39" s="242"/>
      <c r="CO39" s="242"/>
      <c r="CP39" s="242"/>
      <c r="CQ39" s="242"/>
      <c r="CR39" s="242"/>
      <c r="CS39" s="242"/>
      <c r="CT39" s="242"/>
      <c r="CU39" s="242"/>
      <c r="CV39" s="242"/>
      <c r="CW39" s="242"/>
      <c r="CX39" s="242"/>
      <c r="CY39" s="242"/>
      <c r="CZ39" s="242"/>
      <c r="DA39" s="242"/>
      <c r="DB39" s="242"/>
      <c r="DC39" s="242"/>
      <c r="DD39" s="242"/>
      <c r="DE39" s="242"/>
      <c r="DF39" s="242"/>
      <c r="DG39" s="242"/>
      <c r="DH39" s="242"/>
      <c r="DI39" s="244"/>
      <c r="DJ39" s="244"/>
      <c r="DK39" s="244"/>
      <c r="DL39" s="244"/>
      <c r="DM39" s="244"/>
      <c r="DN39" s="244"/>
      <c r="DO39" s="244"/>
      <c r="DP39" s="244"/>
      <c r="DQ39" s="244"/>
      <c r="DR39" s="244"/>
      <c r="DS39" s="244"/>
      <c r="DT39" s="244"/>
      <c r="DU39" s="242"/>
      <c r="DV39" s="242"/>
      <c r="DW39" s="242"/>
      <c r="DX39" s="242"/>
      <c r="DY39" s="242"/>
      <c r="DZ39" s="242"/>
      <c r="EA39" s="242"/>
      <c r="EB39" s="242"/>
      <c r="EC39" s="242"/>
      <c r="ED39" s="242"/>
      <c r="EE39" s="242"/>
      <c r="EF39" s="242"/>
      <c r="EG39" s="248"/>
      <c r="EH39" s="249"/>
      <c r="EI39" s="249"/>
      <c r="EJ39" s="249"/>
      <c r="EK39" s="249"/>
      <c r="EL39" s="249"/>
      <c r="EM39" s="249"/>
      <c r="EN39" s="249"/>
      <c r="EO39" s="249"/>
      <c r="EP39" s="249"/>
      <c r="EQ39" s="249"/>
      <c r="ER39" s="249"/>
      <c r="ES39" s="249"/>
      <c r="ET39" s="249"/>
      <c r="EU39" s="250"/>
      <c r="EV39" s="257"/>
      <c r="EW39" s="258"/>
      <c r="EX39" s="258"/>
      <c r="EY39" s="258"/>
      <c r="EZ39" s="258"/>
      <c r="FA39" s="258"/>
      <c r="FB39" s="258"/>
      <c r="FC39" s="258"/>
      <c r="FD39" s="258"/>
      <c r="FE39" s="258"/>
      <c r="FF39" s="258"/>
      <c r="FG39" s="258"/>
      <c r="FH39" s="258"/>
      <c r="FI39" s="258"/>
      <c r="FJ39" s="258"/>
      <c r="FK39" s="258"/>
      <c r="FL39" s="258"/>
      <c r="FM39" s="259"/>
      <c r="FN39" s="242"/>
      <c r="FO39" s="242"/>
      <c r="FP39" s="242"/>
      <c r="FQ39" s="242"/>
      <c r="FR39" s="242"/>
      <c r="FS39" s="242"/>
      <c r="FT39" s="242"/>
      <c r="FU39" s="242"/>
      <c r="FV39" s="242"/>
      <c r="FW39" s="242"/>
      <c r="FX39" s="242"/>
      <c r="FY39" s="242"/>
      <c r="FZ39" s="242"/>
      <c r="GA39" s="242"/>
      <c r="GB39" s="242"/>
      <c r="GC39" s="242"/>
      <c r="GD39" s="242"/>
      <c r="GE39" s="242"/>
      <c r="GF39" s="242"/>
      <c r="GG39" s="242"/>
      <c r="GH39" s="242"/>
      <c r="GI39" s="242"/>
      <c r="GJ39" s="242"/>
      <c r="GK39" s="242"/>
      <c r="GL39" s="242"/>
      <c r="GM39" s="242"/>
      <c r="GN39" s="242"/>
      <c r="GO39" s="242"/>
      <c r="GP39" s="263"/>
      <c r="GQ39" s="263"/>
      <c r="GR39" s="263"/>
      <c r="GS39" s="263"/>
      <c r="GT39" s="263"/>
      <c r="GU39" s="263"/>
      <c r="GV39" s="263"/>
      <c r="GW39" s="263"/>
      <c r="GX39" s="263"/>
      <c r="GY39" s="263"/>
      <c r="GZ39" s="263"/>
      <c r="HA39" s="263"/>
      <c r="HB39" s="263"/>
      <c r="HC39" s="263"/>
      <c r="HD39" s="263"/>
      <c r="HE39" s="263"/>
      <c r="HF39" s="263"/>
      <c r="HG39" s="263"/>
      <c r="HH39" s="263"/>
      <c r="HI39" s="263"/>
      <c r="HJ39" s="263"/>
      <c r="HK39" s="263"/>
      <c r="HL39" s="263"/>
      <c r="HM39" s="263"/>
      <c r="HN39" s="263"/>
      <c r="HO39" s="263"/>
      <c r="HP39" s="263"/>
      <c r="HQ39" s="263"/>
    </row>
    <row r="40" spans="2:225" ht="6" customHeight="1">
      <c r="B40" s="236"/>
      <c r="C40" s="236"/>
      <c r="D40" s="236"/>
      <c r="E40" s="236"/>
      <c r="F40" s="236"/>
      <c r="G40" s="236"/>
      <c r="H40" s="236"/>
      <c r="I40" s="236"/>
      <c r="J40" s="236"/>
      <c r="K40" s="236"/>
      <c r="L40" s="236"/>
      <c r="M40" s="236"/>
      <c r="N40" s="236"/>
      <c r="O40" s="236"/>
      <c r="P40" s="237"/>
      <c r="Q40" s="238"/>
      <c r="R40" s="239"/>
      <c r="S40" s="239"/>
      <c r="T40" s="239"/>
      <c r="U40" s="239"/>
      <c r="V40" s="239"/>
      <c r="W40" s="239"/>
      <c r="X40" s="239"/>
      <c r="Y40" s="239"/>
      <c r="Z40" s="239"/>
      <c r="AA40" s="239"/>
      <c r="AB40" s="239"/>
      <c r="AC40" s="239"/>
      <c r="AD40" s="239"/>
      <c r="AE40" s="239"/>
      <c r="AF40" s="239"/>
      <c r="AG40" s="239"/>
      <c r="AH40" s="239"/>
      <c r="AI40" s="239"/>
      <c r="AJ40" s="239"/>
      <c r="AK40" s="239"/>
      <c r="AL40" s="239"/>
      <c r="AM40" s="239"/>
      <c r="AN40" s="239"/>
      <c r="AO40" s="239"/>
      <c r="AP40" s="239"/>
      <c r="AQ40" s="239"/>
      <c r="AR40" s="239"/>
      <c r="AS40" s="239"/>
      <c r="AT40" s="239"/>
      <c r="AU40" s="239"/>
      <c r="AV40" s="239"/>
      <c r="AW40" s="239"/>
      <c r="AX40" s="239"/>
      <c r="AY40" s="239"/>
      <c r="AZ40" s="239"/>
      <c r="BA40" s="239"/>
      <c r="BB40" s="239"/>
      <c r="BC40" s="239"/>
      <c r="BD40" s="239"/>
      <c r="BE40" s="239"/>
      <c r="BF40" s="239"/>
      <c r="BG40" s="239"/>
      <c r="BH40" s="239"/>
      <c r="BI40" s="239"/>
      <c r="BJ40" s="239"/>
      <c r="BK40" s="239"/>
      <c r="BL40" s="239"/>
      <c r="BM40" s="239"/>
      <c r="BN40" s="239"/>
      <c r="BO40" s="239"/>
      <c r="BP40" s="239"/>
      <c r="BQ40" s="239"/>
      <c r="BR40" s="239"/>
      <c r="BS40" s="239"/>
      <c r="BT40" s="239"/>
      <c r="BU40" s="239"/>
      <c r="BV40" s="239"/>
      <c r="BW40" s="239"/>
      <c r="BX40" s="239"/>
      <c r="BY40" s="239"/>
      <c r="BZ40" s="239"/>
      <c r="CA40" s="239"/>
      <c r="CB40" s="239"/>
      <c r="CC40" s="239"/>
      <c r="CD40" s="239"/>
      <c r="CE40" s="239"/>
      <c r="CF40" s="239"/>
      <c r="CG40" s="240"/>
      <c r="CH40" s="241"/>
      <c r="CI40" s="242"/>
      <c r="CJ40" s="242"/>
      <c r="CK40" s="242"/>
      <c r="CL40" s="242"/>
      <c r="CM40" s="242"/>
      <c r="CN40" s="242"/>
      <c r="CO40" s="242"/>
      <c r="CP40" s="242"/>
      <c r="CQ40" s="242"/>
      <c r="CR40" s="242"/>
      <c r="CS40" s="242"/>
      <c r="CT40" s="242"/>
      <c r="CU40" s="242"/>
      <c r="CV40" s="242"/>
      <c r="CW40" s="242"/>
      <c r="CX40" s="242"/>
      <c r="CY40" s="242"/>
      <c r="CZ40" s="242"/>
      <c r="DA40" s="242"/>
      <c r="DB40" s="242"/>
      <c r="DC40" s="242"/>
      <c r="DD40" s="242"/>
      <c r="DE40" s="242"/>
      <c r="DF40" s="242"/>
      <c r="DG40" s="242"/>
      <c r="DH40" s="242"/>
      <c r="DI40" s="244"/>
      <c r="DJ40" s="244"/>
      <c r="DK40" s="244"/>
      <c r="DL40" s="244"/>
      <c r="DM40" s="244"/>
      <c r="DN40" s="244"/>
      <c r="DO40" s="244"/>
      <c r="DP40" s="244"/>
      <c r="DQ40" s="244"/>
      <c r="DR40" s="244"/>
      <c r="DS40" s="244"/>
      <c r="DT40" s="244"/>
      <c r="DU40" s="242"/>
      <c r="DV40" s="242"/>
      <c r="DW40" s="242"/>
      <c r="DX40" s="242"/>
      <c r="DY40" s="242"/>
      <c r="DZ40" s="242"/>
      <c r="EA40" s="242"/>
      <c r="EB40" s="242"/>
      <c r="EC40" s="242"/>
      <c r="ED40" s="242"/>
      <c r="EE40" s="242"/>
      <c r="EF40" s="242"/>
      <c r="EG40" s="248"/>
      <c r="EH40" s="249"/>
      <c r="EI40" s="249"/>
      <c r="EJ40" s="249"/>
      <c r="EK40" s="249"/>
      <c r="EL40" s="249"/>
      <c r="EM40" s="249"/>
      <c r="EN40" s="249"/>
      <c r="EO40" s="249"/>
      <c r="EP40" s="249"/>
      <c r="EQ40" s="249"/>
      <c r="ER40" s="249"/>
      <c r="ES40" s="249"/>
      <c r="ET40" s="249"/>
      <c r="EU40" s="250"/>
      <c r="EV40" s="257"/>
      <c r="EW40" s="258"/>
      <c r="EX40" s="258"/>
      <c r="EY40" s="258"/>
      <c r="EZ40" s="258"/>
      <c r="FA40" s="258"/>
      <c r="FB40" s="258"/>
      <c r="FC40" s="258"/>
      <c r="FD40" s="258"/>
      <c r="FE40" s="258"/>
      <c r="FF40" s="258"/>
      <c r="FG40" s="258"/>
      <c r="FH40" s="258"/>
      <c r="FI40" s="258"/>
      <c r="FJ40" s="258"/>
      <c r="FK40" s="258"/>
      <c r="FL40" s="258"/>
      <c r="FM40" s="259"/>
      <c r="FN40" s="242"/>
      <c r="FO40" s="242"/>
      <c r="FP40" s="242"/>
      <c r="FQ40" s="242"/>
      <c r="FR40" s="242"/>
      <c r="FS40" s="242"/>
      <c r="FT40" s="242"/>
      <c r="FU40" s="242"/>
      <c r="FV40" s="242"/>
      <c r="FW40" s="242"/>
      <c r="FX40" s="242"/>
      <c r="FY40" s="242"/>
      <c r="FZ40" s="242"/>
      <c r="GA40" s="242"/>
      <c r="GB40" s="242"/>
      <c r="GC40" s="242"/>
      <c r="GD40" s="242"/>
      <c r="GE40" s="242"/>
      <c r="GF40" s="242"/>
      <c r="GG40" s="242"/>
      <c r="GH40" s="242"/>
      <c r="GI40" s="242"/>
      <c r="GJ40" s="242"/>
      <c r="GK40" s="242"/>
      <c r="GL40" s="242"/>
      <c r="GM40" s="242"/>
      <c r="GN40" s="242"/>
      <c r="GO40" s="242"/>
      <c r="GP40" s="263"/>
      <c r="GQ40" s="263"/>
      <c r="GR40" s="263"/>
      <c r="GS40" s="263"/>
      <c r="GT40" s="263"/>
      <c r="GU40" s="263"/>
      <c r="GV40" s="263"/>
      <c r="GW40" s="263"/>
      <c r="GX40" s="263"/>
      <c r="GY40" s="263"/>
      <c r="GZ40" s="263"/>
      <c r="HA40" s="263"/>
      <c r="HB40" s="263"/>
      <c r="HC40" s="263"/>
      <c r="HD40" s="263"/>
      <c r="HE40" s="263"/>
      <c r="HF40" s="263"/>
      <c r="HG40" s="263"/>
      <c r="HH40" s="263"/>
      <c r="HI40" s="263"/>
      <c r="HJ40" s="263"/>
      <c r="HK40" s="263"/>
      <c r="HL40" s="263"/>
      <c r="HM40" s="263"/>
      <c r="HN40" s="263"/>
      <c r="HO40" s="263"/>
      <c r="HP40" s="263"/>
      <c r="HQ40" s="263"/>
    </row>
    <row r="41" spans="2:225" ht="6" customHeight="1">
      <c r="B41" s="236"/>
      <c r="C41" s="236"/>
      <c r="D41" s="236"/>
      <c r="E41" s="236"/>
      <c r="F41" s="236"/>
      <c r="G41" s="236"/>
      <c r="H41" s="236"/>
      <c r="I41" s="236"/>
      <c r="J41" s="236"/>
      <c r="K41" s="236"/>
      <c r="L41" s="236"/>
      <c r="M41" s="236"/>
      <c r="N41" s="236"/>
      <c r="O41" s="236"/>
      <c r="P41" s="237"/>
      <c r="Q41" s="238"/>
      <c r="R41" s="239"/>
      <c r="S41" s="239"/>
      <c r="T41" s="239"/>
      <c r="U41" s="239"/>
      <c r="V41" s="239"/>
      <c r="W41" s="239"/>
      <c r="X41" s="239"/>
      <c r="Y41" s="239"/>
      <c r="Z41" s="239"/>
      <c r="AA41" s="239"/>
      <c r="AB41" s="239"/>
      <c r="AC41" s="239"/>
      <c r="AD41" s="239"/>
      <c r="AE41" s="239"/>
      <c r="AF41" s="239"/>
      <c r="AG41" s="239"/>
      <c r="AH41" s="239"/>
      <c r="AI41" s="239"/>
      <c r="AJ41" s="239"/>
      <c r="AK41" s="239"/>
      <c r="AL41" s="239"/>
      <c r="AM41" s="239"/>
      <c r="AN41" s="239"/>
      <c r="AO41" s="239"/>
      <c r="AP41" s="239"/>
      <c r="AQ41" s="239"/>
      <c r="AR41" s="239"/>
      <c r="AS41" s="239"/>
      <c r="AT41" s="239"/>
      <c r="AU41" s="239"/>
      <c r="AV41" s="239"/>
      <c r="AW41" s="239"/>
      <c r="AX41" s="239"/>
      <c r="AY41" s="239"/>
      <c r="AZ41" s="239"/>
      <c r="BA41" s="239"/>
      <c r="BB41" s="239"/>
      <c r="BC41" s="239"/>
      <c r="BD41" s="239"/>
      <c r="BE41" s="239"/>
      <c r="BF41" s="239"/>
      <c r="BG41" s="239"/>
      <c r="BH41" s="239"/>
      <c r="BI41" s="239"/>
      <c r="BJ41" s="239"/>
      <c r="BK41" s="239"/>
      <c r="BL41" s="239"/>
      <c r="BM41" s="239"/>
      <c r="BN41" s="239"/>
      <c r="BO41" s="239"/>
      <c r="BP41" s="239"/>
      <c r="BQ41" s="239"/>
      <c r="BR41" s="239"/>
      <c r="BS41" s="239"/>
      <c r="BT41" s="239"/>
      <c r="BU41" s="239"/>
      <c r="BV41" s="239"/>
      <c r="BW41" s="239"/>
      <c r="BX41" s="239"/>
      <c r="BY41" s="239"/>
      <c r="BZ41" s="239"/>
      <c r="CA41" s="239"/>
      <c r="CB41" s="239"/>
      <c r="CC41" s="239"/>
      <c r="CD41" s="239"/>
      <c r="CE41" s="239"/>
      <c r="CF41" s="239"/>
      <c r="CG41" s="240"/>
      <c r="CH41" s="241"/>
      <c r="CI41" s="242"/>
      <c r="CJ41" s="242"/>
      <c r="CK41" s="242"/>
      <c r="CL41" s="242"/>
      <c r="CM41" s="242"/>
      <c r="CN41" s="242"/>
      <c r="CO41" s="242"/>
      <c r="CP41" s="242"/>
      <c r="CQ41" s="242"/>
      <c r="CR41" s="242"/>
      <c r="CS41" s="242"/>
      <c r="CT41" s="242"/>
      <c r="CU41" s="242"/>
      <c r="CV41" s="242"/>
      <c r="CW41" s="242"/>
      <c r="CX41" s="242"/>
      <c r="CY41" s="242"/>
      <c r="CZ41" s="242"/>
      <c r="DA41" s="242"/>
      <c r="DB41" s="242"/>
      <c r="DC41" s="242"/>
      <c r="DD41" s="242"/>
      <c r="DE41" s="242"/>
      <c r="DF41" s="242"/>
      <c r="DG41" s="242"/>
      <c r="DH41" s="242"/>
      <c r="DI41" s="244"/>
      <c r="DJ41" s="244"/>
      <c r="DK41" s="244"/>
      <c r="DL41" s="244"/>
      <c r="DM41" s="244"/>
      <c r="DN41" s="244"/>
      <c r="DO41" s="244"/>
      <c r="DP41" s="244"/>
      <c r="DQ41" s="244"/>
      <c r="DR41" s="244"/>
      <c r="DS41" s="244"/>
      <c r="DT41" s="244"/>
      <c r="DU41" s="242"/>
      <c r="DV41" s="242"/>
      <c r="DW41" s="242"/>
      <c r="DX41" s="242"/>
      <c r="DY41" s="242"/>
      <c r="DZ41" s="242"/>
      <c r="EA41" s="242"/>
      <c r="EB41" s="242"/>
      <c r="EC41" s="242"/>
      <c r="ED41" s="242"/>
      <c r="EE41" s="242"/>
      <c r="EF41" s="242"/>
      <c r="EG41" s="251"/>
      <c r="EH41" s="252"/>
      <c r="EI41" s="252"/>
      <c r="EJ41" s="252"/>
      <c r="EK41" s="252"/>
      <c r="EL41" s="252"/>
      <c r="EM41" s="252"/>
      <c r="EN41" s="252"/>
      <c r="EO41" s="252"/>
      <c r="EP41" s="252"/>
      <c r="EQ41" s="252"/>
      <c r="ER41" s="252"/>
      <c r="ES41" s="252"/>
      <c r="ET41" s="252"/>
      <c r="EU41" s="253"/>
      <c r="EV41" s="260"/>
      <c r="EW41" s="261"/>
      <c r="EX41" s="261"/>
      <c r="EY41" s="261"/>
      <c r="EZ41" s="261"/>
      <c r="FA41" s="261"/>
      <c r="FB41" s="261"/>
      <c r="FC41" s="261"/>
      <c r="FD41" s="261"/>
      <c r="FE41" s="261"/>
      <c r="FF41" s="261"/>
      <c r="FG41" s="261"/>
      <c r="FH41" s="261"/>
      <c r="FI41" s="261"/>
      <c r="FJ41" s="261"/>
      <c r="FK41" s="261"/>
      <c r="FL41" s="261"/>
      <c r="FM41" s="262"/>
      <c r="FN41" s="242"/>
      <c r="FO41" s="242"/>
      <c r="FP41" s="242"/>
      <c r="FQ41" s="242"/>
      <c r="FR41" s="242"/>
      <c r="FS41" s="242"/>
      <c r="FT41" s="242"/>
      <c r="FU41" s="242"/>
      <c r="FV41" s="242"/>
      <c r="FW41" s="242"/>
      <c r="FX41" s="242"/>
      <c r="FY41" s="242"/>
      <c r="FZ41" s="242"/>
      <c r="GA41" s="242"/>
      <c r="GB41" s="242"/>
      <c r="GC41" s="242"/>
      <c r="GD41" s="242"/>
      <c r="GE41" s="242"/>
      <c r="GF41" s="242"/>
      <c r="GG41" s="242"/>
      <c r="GH41" s="242"/>
      <c r="GI41" s="242"/>
      <c r="GJ41" s="242"/>
      <c r="GK41" s="242"/>
      <c r="GL41" s="242"/>
      <c r="GM41" s="242"/>
      <c r="GN41" s="242"/>
      <c r="GO41" s="242"/>
      <c r="GP41" s="263"/>
      <c r="GQ41" s="263"/>
      <c r="GR41" s="263"/>
      <c r="GS41" s="263"/>
      <c r="GT41" s="263"/>
      <c r="GU41" s="263"/>
      <c r="GV41" s="263"/>
      <c r="GW41" s="263"/>
      <c r="GX41" s="263"/>
      <c r="GY41" s="263"/>
      <c r="GZ41" s="263"/>
      <c r="HA41" s="263"/>
      <c r="HB41" s="263"/>
      <c r="HC41" s="263"/>
      <c r="HD41" s="263"/>
      <c r="HE41" s="263"/>
      <c r="HF41" s="263"/>
      <c r="HG41" s="263"/>
      <c r="HH41" s="263"/>
      <c r="HI41" s="263"/>
      <c r="HJ41" s="263"/>
      <c r="HK41" s="263"/>
      <c r="HL41" s="263"/>
      <c r="HM41" s="263"/>
      <c r="HN41" s="263"/>
      <c r="HO41" s="263"/>
      <c r="HP41" s="263"/>
      <c r="HQ41" s="263"/>
    </row>
    <row r="42" spans="2:225" ht="6" customHeight="1">
      <c r="B42" s="236"/>
      <c r="C42" s="236"/>
      <c r="D42" s="236"/>
      <c r="E42" s="236"/>
      <c r="F42" s="236"/>
      <c r="G42" s="236"/>
      <c r="H42" s="236"/>
      <c r="I42" s="236"/>
      <c r="J42" s="236"/>
      <c r="K42" s="236"/>
      <c r="L42" s="236"/>
      <c r="M42" s="236"/>
      <c r="N42" s="236"/>
      <c r="O42" s="236"/>
      <c r="P42" s="237"/>
      <c r="Q42" s="238"/>
      <c r="R42" s="239"/>
      <c r="S42" s="239"/>
      <c r="T42" s="239"/>
      <c r="U42" s="239"/>
      <c r="V42" s="239"/>
      <c r="W42" s="239"/>
      <c r="X42" s="239"/>
      <c r="Y42" s="239"/>
      <c r="Z42" s="239"/>
      <c r="AA42" s="239"/>
      <c r="AB42" s="239"/>
      <c r="AC42" s="239"/>
      <c r="AD42" s="239"/>
      <c r="AE42" s="239"/>
      <c r="AF42" s="239"/>
      <c r="AG42" s="239"/>
      <c r="AH42" s="239"/>
      <c r="AI42" s="239"/>
      <c r="AJ42" s="239"/>
      <c r="AK42" s="239"/>
      <c r="AL42" s="239"/>
      <c r="AM42" s="239"/>
      <c r="AN42" s="239"/>
      <c r="AO42" s="239"/>
      <c r="AP42" s="239"/>
      <c r="AQ42" s="239"/>
      <c r="AR42" s="239"/>
      <c r="AS42" s="239"/>
      <c r="AT42" s="239"/>
      <c r="AU42" s="239"/>
      <c r="AV42" s="239"/>
      <c r="AW42" s="239"/>
      <c r="AX42" s="239"/>
      <c r="AY42" s="239"/>
      <c r="AZ42" s="239"/>
      <c r="BA42" s="239"/>
      <c r="BB42" s="239"/>
      <c r="BC42" s="239"/>
      <c r="BD42" s="239"/>
      <c r="BE42" s="239"/>
      <c r="BF42" s="239"/>
      <c r="BG42" s="239"/>
      <c r="BH42" s="239"/>
      <c r="BI42" s="239"/>
      <c r="BJ42" s="239"/>
      <c r="BK42" s="239"/>
      <c r="BL42" s="239"/>
      <c r="BM42" s="239"/>
      <c r="BN42" s="239"/>
      <c r="BO42" s="239"/>
      <c r="BP42" s="239"/>
      <c r="BQ42" s="239"/>
      <c r="BR42" s="239"/>
      <c r="BS42" s="239"/>
      <c r="BT42" s="239"/>
      <c r="BU42" s="239"/>
      <c r="BV42" s="239"/>
      <c r="BW42" s="239"/>
      <c r="BX42" s="239"/>
      <c r="BY42" s="239"/>
      <c r="BZ42" s="239"/>
      <c r="CA42" s="239"/>
      <c r="CB42" s="239"/>
      <c r="CC42" s="239"/>
      <c r="CD42" s="239"/>
      <c r="CE42" s="239"/>
      <c r="CF42" s="239"/>
      <c r="CG42" s="240"/>
      <c r="CH42" s="241"/>
      <c r="CI42" s="242"/>
      <c r="CJ42" s="242"/>
      <c r="CK42" s="242"/>
      <c r="CL42" s="242"/>
      <c r="CM42" s="242"/>
      <c r="CN42" s="242"/>
      <c r="CO42" s="242"/>
      <c r="CP42" s="242"/>
      <c r="CQ42" s="242"/>
      <c r="CR42" s="242"/>
      <c r="CS42" s="242"/>
      <c r="CT42" s="242"/>
      <c r="CU42" s="242"/>
      <c r="CV42" s="242"/>
      <c r="CW42" s="242"/>
      <c r="CX42" s="242"/>
      <c r="CY42" s="242"/>
      <c r="CZ42" s="242"/>
      <c r="DA42" s="242"/>
      <c r="DB42" s="242"/>
      <c r="DC42" s="242"/>
      <c r="DD42" s="242"/>
      <c r="DE42" s="242"/>
      <c r="DF42" s="242"/>
      <c r="DG42" s="242"/>
      <c r="DH42" s="242"/>
      <c r="DI42" s="244"/>
      <c r="DJ42" s="244"/>
      <c r="DK42" s="244"/>
      <c r="DL42" s="244"/>
      <c r="DM42" s="244"/>
      <c r="DN42" s="244"/>
      <c r="DO42" s="244"/>
      <c r="DP42" s="244"/>
      <c r="DQ42" s="244"/>
      <c r="DR42" s="244"/>
      <c r="DS42" s="244"/>
      <c r="DT42" s="244"/>
      <c r="DU42" s="242"/>
      <c r="DV42" s="242"/>
      <c r="DW42" s="242"/>
      <c r="DX42" s="242"/>
      <c r="DY42" s="242"/>
      <c r="DZ42" s="242"/>
      <c r="EA42" s="242"/>
      <c r="EB42" s="242"/>
      <c r="EC42" s="242"/>
      <c r="ED42" s="242"/>
      <c r="EE42" s="242"/>
      <c r="EF42" s="242"/>
      <c r="EG42" s="245"/>
      <c r="EH42" s="246"/>
      <c r="EI42" s="246"/>
      <c r="EJ42" s="246"/>
      <c r="EK42" s="246"/>
      <c r="EL42" s="246"/>
      <c r="EM42" s="246"/>
      <c r="EN42" s="246"/>
      <c r="EO42" s="246"/>
      <c r="EP42" s="246"/>
      <c r="EQ42" s="246"/>
      <c r="ER42" s="246"/>
      <c r="ES42" s="246"/>
      <c r="ET42" s="246"/>
      <c r="EU42" s="247"/>
      <c r="EV42" s="254"/>
      <c r="EW42" s="255"/>
      <c r="EX42" s="255"/>
      <c r="EY42" s="255"/>
      <c r="EZ42" s="255"/>
      <c r="FA42" s="255"/>
      <c r="FB42" s="255"/>
      <c r="FC42" s="255"/>
      <c r="FD42" s="255"/>
      <c r="FE42" s="255"/>
      <c r="FF42" s="255"/>
      <c r="FG42" s="255"/>
      <c r="FH42" s="255"/>
      <c r="FI42" s="255"/>
      <c r="FJ42" s="255"/>
      <c r="FK42" s="255"/>
      <c r="FL42" s="255"/>
      <c r="FM42" s="256"/>
      <c r="FN42" s="242"/>
      <c r="FO42" s="242"/>
      <c r="FP42" s="242"/>
      <c r="FQ42" s="242"/>
      <c r="FR42" s="242"/>
      <c r="FS42" s="242"/>
      <c r="FT42" s="242"/>
      <c r="FU42" s="242"/>
      <c r="FV42" s="242"/>
      <c r="FW42" s="242"/>
      <c r="FX42" s="242"/>
      <c r="FY42" s="242"/>
      <c r="FZ42" s="242"/>
      <c r="GA42" s="242"/>
      <c r="GB42" s="242"/>
      <c r="GC42" s="242"/>
      <c r="GD42" s="242"/>
      <c r="GE42" s="242"/>
      <c r="GF42" s="242"/>
      <c r="GG42" s="242"/>
      <c r="GH42" s="242"/>
      <c r="GI42" s="242"/>
      <c r="GJ42" s="242"/>
      <c r="GK42" s="242"/>
      <c r="GL42" s="242"/>
      <c r="GM42" s="242"/>
      <c r="GN42" s="242"/>
      <c r="GO42" s="242"/>
      <c r="GP42" s="263"/>
      <c r="GQ42" s="263"/>
      <c r="GR42" s="263"/>
      <c r="GS42" s="263"/>
      <c r="GT42" s="263"/>
      <c r="GU42" s="263"/>
      <c r="GV42" s="263"/>
      <c r="GW42" s="263"/>
      <c r="GX42" s="263"/>
      <c r="GY42" s="263"/>
      <c r="GZ42" s="263"/>
      <c r="HA42" s="263"/>
      <c r="HB42" s="263"/>
      <c r="HC42" s="263"/>
      <c r="HD42" s="263"/>
      <c r="HE42" s="263"/>
      <c r="HF42" s="263"/>
      <c r="HG42" s="263"/>
      <c r="HH42" s="263"/>
      <c r="HI42" s="263"/>
      <c r="HJ42" s="263"/>
      <c r="HK42" s="263"/>
      <c r="HL42" s="263"/>
      <c r="HM42" s="263"/>
      <c r="HN42" s="263"/>
      <c r="HO42" s="263"/>
      <c r="HP42" s="263"/>
      <c r="HQ42" s="263"/>
    </row>
    <row r="43" spans="2:225" ht="6" customHeight="1">
      <c r="B43" s="236"/>
      <c r="C43" s="236"/>
      <c r="D43" s="236"/>
      <c r="E43" s="236"/>
      <c r="F43" s="236"/>
      <c r="G43" s="236"/>
      <c r="H43" s="236"/>
      <c r="I43" s="236"/>
      <c r="J43" s="236"/>
      <c r="K43" s="236"/>
      <c r="L43" s="236"/>
      <c r="M43" s="236"/>
      <c r="N43" s="236"/>
      <c r="O43" s="236"/>
      <c r="P43" s="237"/>
      <c r="Q43" s="238"/>
      <c r="R43" s="239"/>
      <c r="S43" s="239"/>
      <c r="T43" s="239"/>
      <c r="U43" s="239"/>
      <c r="V43" s="239"/>
      <c r="W43" s="239"/>
      <c r="X43" s="239"/>
      <c r="Y43" s="239"/>
      <c r="Z43" s="239"/>
      <c r="AA43" s="239"/>
      <c r="AB43" s="239"/>
      <c r="AC43" s="239"/>
      <c r="AD43" s="239"/>
      <c r="AE43" s="239"/>
      <c r="AF43" s="239"/>
      <c r="AG43" s="239"/>
      <c r="AH43" s="239"/>
      <c r="AI43" s="239"/>
      <c r="AJ43" s="239"/>
      <c r="AK43" s="239"/>
      <c r="AL43" s="239"/>
      <c r="AM43" s="239"/>
      <c r="AN43" s="239"/>
      <c r="AO43" s="239"/>
      <c r="AP43" s="239"/>
      <c r="AQ43" s="239"/>
      <c r="AR43" s="239"/>
      <c r="AS43" s="239"/>
      <c r="AT43" s="239"/>
      <c r="AU43" s="239"/>
      <c r="AV43" s="239"/>
      <c r="AW43" s="239"/>
      <c r="AX43" s="239"/>
      <c r="AY43" s="239"/>
      <c r="AZ43" s="239"/>
      <c r="BA43" s="239"/>
      <c r="BB43" s="239"/>
      <c r="BC43" s="239"/>
      <c r="BD43" s="239"/>
      <c r="BE43" s="239"/>
      <c r="BF43" s="239"/>
      <c r="BG43" s="239"/>
      <c r="BH43" s="239"/>
      <c r="BI43" s="239"/>
      <c r="BJ43" s="239"/>
      <c r="BK43" s="239"/>
      <c r="BL43" s="239"/>
      <c r="BM43" s="239"/>
      <c r="BN43" s="239"/>
      <c r="BO43" s="239"/>
      <c r="BP43" s="239"/>
      <c r="BQ43" s="239"/>
      <c r="BR43" s="239"/>
      <c r="BS43" s="239"/>
      <c r="BT43" s="239"/>
      <c r="BU43" s="239"/>
      <c r="BV43" s="239"/>
      <c r="BW43" s="239"/>
      <c r="BX43" s="239"/>
      <c r="BY43" s="239"/>
      <c r="BZ43" s="239"/>
      <c r="CA43" s="239"/>
      <c r="CB43" s="239"/>
      <c r="CC43" s="239"/>
      <c r="CD43" s="239"/>
      <c r="CE43" s="239"/>
      <c r="CF43" s="239"/>
      <c r="CG43" s="240"/>
      <c r="CH43" s="241"/>
      <c r="CI43" s="242"/>
      <c r="CJ43" s="242"/>
      <c r="CK43" s="242"/>
      <c r="CL43" s="242"/>
      <c r="CM43" s="242"/>
      <c r="CN43" s="242"/>
      <c r="CO43" s="242"/>
      <c r="CP43" s="242"/>
      <c r="CQ43" s="242"/>
      <c r="CR43" s="242"/>
      <c r="CS43" s="242"/>
      <c r="CT43" s="242"/>
      <c r="CU43" s="242"/>
      <c r="CV43" s="242"/>
      <c r="CW43" s="242"/>
      <c r="CX43" s="242"/>
      <c r="CY43" s="242"/>
      <c r="CZ43" s="242"/>
      <c r="DA43" s="242"/>
      <c r="DB43" s="242"/>
      <c r="DC43" s="242"/>
      <c r="DD43" s="242"/>
      <c r="DE43" s="242"/>
      <c r="DF43" s="242"/>
      <c r="DG43" s="242"/>
      <c r="DH43" s="242"/>
      <c r="DI43" s="244"/>
      <c r="DJ43" s="244"/>
      <c r="DK43" s="244"/>
      <c r="DL43" s="244"/>
      <c r="DM43" s="244"/>
      <c r="DN43" s="244"/>
      <c r="DO43" s="244"/>
      <c r="DP43" s="244"/>
      <c r="DQ43" s="244"/>
      <c r="DR43" s="244"/>
      <c r="DS43" s="244"/>
      <c r="DT43" s="244"/>
      <c r="DU43" s="242"/>
      <c r="DV43" s="242"/>
      <c r="DW43" s="242"/>
      <c r="DX43" s="242"/>
      <c r="DY43" s="242"/>
      <c r="DZ43" s="242"/>
      <c r="EA43" s="242"/>
      <c r="EB43" s="242"/>
      <c r="EC43" s="242"/>
      <c r="ED43" s="242"/>
      <c r="EE43" s="242"/>
      <c r="EF43" s="242"/>
      <c r="EG43" s="248"/>
      <c r="EH43" s="249"/>
      <c r="EI43" s="249"/>
      <c r="EJ43" s="249"/>
      <c r="EK43" s="249"/>
      <c r="EL43" s="249"/>
      <c r="EM43" s="249"/>
      <c r="EN43" s="249"/>
      <c r="EO43" s="249"/>
      <c r="EP43" s="249"/>
      <c r="EQ43" s="249"/>
      <c r="ER43" s="249"/>
      <c r="ES43" s="249"/>
      <c r="ET43" s="249"/>
      <c r="EU43" s="250"/>
      <c r="EV43" s="257"/>
      <c r="EW43" s="258"/>
      <c r="EX43" s="258"/>
      <c r="EY43" s="258"/>
      <c r="EZ43" s="258"/>
      <c r="FA43" s="258"/>
      <c r="FB43" s="258"/>
      <c r="FC43" s="258"/>
      <c r="FD43" s="258"/>
      <c r="FE43" s="258"/>
      <c r="FF43" s="258"/>
      <c r="FG43" s="258"/>
      <c r="FH43" s="258"/>
      <c r="FI43" s="258"/>
      <c r="FJ43" s="258"/>
      <c r="FK43" s="258"/>
      <c r="FL43" s="258"/>
      <c r="FM43" s="259"/>
      <c r="FN43" s="242"/>
      <c r="FO43" s="242"/>
      <c r="FP43" s="242"/>
      <c r="FQ43" s="242"/>
      <c r="FR43" s="242"/>
      <c r="FS43" s="242"/>
      <c r="FT43" s="242"/>
      <c r="FU43" s="242"/>
      <c r="FV43" s="242"/>
      <c r="FW43" s="242"/>
      <c r="FX43" s="242"/>
      <c r="FY43" s="242"/>
      <c r="FZ43" s="242"/>
      <c r="GA43" s="242"/>
      <c r="GB43" s="242"/>
      <c r="GC43" s="242"/>
      <c r="GD43" s="242"/>
      <c r="GE43" s="242"/>
      <c r="GF43" s="242"/>
      <c r="GG43" s="242"/>
      <c r="GH43" s="242"/>
      <c r="GI43" s="242"/>
      <c r="GJ43" s="242"/>
      <c r="GK43" s="242"/>
      <c r="GL43" s="242"/>
      <c r="GM43" s="242"/>
      <c r="GN43" s="242"/>
      <c r="GO43" s="242"/>
      <c r="GP43" s="263"/>
      <c r="GQ43" s="263"/>
      <c r="GR43" s="263"/>
      <c r="GS43" s="263"/>
      <c r="GT43" s="263"/>
      <c r="GU43" s="263"/>
      <c r="GV43" s="263"/>
      <c r="GW43" s="263"/>
      <c r="GX43" s="263"/>
      <c r="GY43" s="263"/>
      <c r="GZ43" s="263"/>
      <c r="HA43" s="263"/>
      <c r="HB43" s="263"/>
      <c r="HC43" s="263"/>
      <c r="HD43" s="263"/>
      <c r="HE43" s="263"/>
      <c r="HF43" s="263"/>
      <c r="HG43" s="263"/>
      <c r="HH43" s="263"/>
      <c r="HI43" s="263"/>
      <c r="HJ43" s="263"/>
      <c r="HK43" s="263"/>
      <c r="HL43" s="263"/>
      <c r="HM43" s="263"/>
      <c r="HN43" s="263"/>
      <c r="HO43" s="263"/>
      <c r="HP43" s="263"/>
      <c r="HQ43" s="263"/>
    </row>
    <row r="44" spans="2:225" ht="6" customHeight="1">
      <c r="B44" s="236"/>
      <c r="C44" s="236"/>
      <c r="D44" s="236"/>
      <c r="E44" s="236"/>
      <c r="F44" s="236"/>
      <c r="G44" s="236"/>
      <c r="H44" s="236"/>
      <c r="I44" s="236"/>
      <c r="J44" s="236"/>
      <c r="K44" s="236"/>
      <c r="L44" s="236"/>
      <c r="M44" s="236"/>
      <c r="N44" s="236"/>
      <c r="O44" s="236"/>
      <c r="P44" s="237"/>
      <c r="Q44" s="238"/>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AP44" s="239"/>
      <c r="AQ44" s="239"/>
      <c r="AR44" s="239"/>
      <c r="AS44" s="239"/>
      <c r="AT44" s="239"/>
      <c r="AU44" s="239"/>
      <c r="AV44" s="239"/>
      <c r="AW44" s="239"/>
      <c r="AX44" s="239"/>
      <c r="AY44" s="239"/>
      <c r="AZ44" s="239"/>
      <c r="BA44" s="239"/>
      <c r="BB44" s="239"/>
      <c r="BC44" s="239"/>
      <c r="BD44" s="239"/>
      <c r="BE44" s="239"/>
      <c r="BF44" s="239"/>
      <c r="BG44" s="239"/>
      <c r="BH44" s="239"/>
      <c r="BI44" s="239"/>
      <c r="BJ44" s="239"/>
      <c r="BK44" s="239"/>
      <c r="BL44" s="239"/>
      <c r="BM44" s="239"/>
      <c r="BN44" s="239"/>
      <c r="BO44" s="239"/>
      <c r="BP44" s="239"/>
      <c r="BQ44" s="239"/>
      <c r="BR44" s="239"/>
      <c r="BS44" s="239"/>
      <c r="BT44" s="239"/>
      <c r="BU44" s="239"/>
      <c r="BV44" s="239"/>
      <c r="BW44" s="239"/>
      <c r="BX44" s="239"/>
      <c r="BY44" s="239"/>
      <c r="BZ44" s="239"/>
      <c r="CA44" s="239"/>
      <c r="CB44" s="239"/>
      <c r="CC44" s="239"/>
      <c r="CD44" s="239"/>
      <c r="CE44" s="239"/>
      <c r="CF44" s="239"/>
      <c r="CG44" s="240"/>
      <c r="CH44" s="241"/>
      <c r="CI44" s="242"/>
      <c r="CJ44" s="242"/>
      <c r="CK44" s="242"/>
      <c r="CL44" s="242"/>
      <c r="CM44" s="242"/>
      <c r="CN44" s="242"/>
      <c r="CO44" s="242"/>
      <c r="CP44" s="242"/>
      <c r="CQ44" s="242"/>
      <c r="CR44" s="242"/>
      <c r="CS44" s="242"/>
      <c r="CT44" s="242"/>
      <c r="CU44" s="242"/>
      <c r="CV44" s="242"/>
      <c r="CW44" s="242"/>
      <c r="CX44" s="242"/>
      <c r="CY44" s="242"/>
      <c r="CZ44" s="242"/>
      <c r="DA44" s="242"/>
      <c r="DB44" s="242"/>
      <c r="DC44" s="242"/>
      <c r="DD44" s="242"/>
      <c r="DE44" s="242"/>
      <c r="DF44" s="242"/>
      <c r="DG44" s="242"/>
      <c r="DH44" s="242"/>
      <c r="DI44" s="244"/>
      <c r="DJ44" s="244"/>
      <c r="DK44" s="244"/>
      <c r="DL44" s="244"/>
      <c r="DM44" s="244"/>
      <c r="DN44" s="244"/>
      <c r="DO44" s="244"/>
      <c r="DP44" s="244"/>
      <c r="DQ44" s="244"/>
      <c r="DR44" s="244"/>
      <c r="DS44" s="244"/>
      <c r="DT44" s="244"/>
      <c r="DU44" s="242"/>
      <c r="DV44" s="242"/>
      <c r="DW44" s="242"/>
      <c r="DX44" s="242"/>
      <c r="DY44" s="242"/>
      <c r="DZ44" s="242"/>
      <c r="EA44" s="242"/>
      <c r="EB44" s="242"/>
      <c r="EC44" s="242"/>
      <c r="ED44" s="242"/>
      <c r="EE44" s="242"/>
      <c r="EF44" s="242"/>
      <c r="EG44" s="248"/>
      <c r="EH44" s="249"/>
      <c r="EI44" s="249"/>
      <c r="EJ44" s="249"/>
      <c r="EK44" s="249"/>
      <c r="EL44" s="249"/>
      <c r="EM44" s="249"/>
      <c r="EN44" s="249"/>
      <c r="EO44" s="249"/>
      <c r="EP44" s="249"/>
      <c r="EQ44" s="249"/>
      <c r="ER44" s="249"/>
      <c r="ES44" s="249"/>
      <c r="ET44" s="249"/>
      <c r="EU44" s="250"/>
      <c r="EV44" s="257"/>
      <c r="EW44" s="258"/>
      <c r="EX44" s="258"/>
      <c r="EY44" s="258"/>
      <c r="EZ44" s="258"/>
      <c r="FA44" s="258"/>
      <c r="FB44" s="258"/>
      <c r="FC44" s="258"/>
      <c r="FD44" s="258"/>
      <c r="FE44" s="258"/>
      <c r="FF44" s="258"/>
      <c r="FG44" s="258"/>
      <c r="FH44" s="258"/>
      <c r="FI44" s="258"/>
      <c r="FJ44" s="258"/>
      <c r="FK44" s="258"/>
      <c r="FL44" s="258"/>
      <c r="FM44" s="259"/>
      <c r="FN44" s="242"/>
      <c r="FO44" s="242"/>
      <c r="FP44" s="242"/>
      <c r="FQ44" s="242"/>
      <c r="FR44" s="242"/>
      <c r="FS44" s="242"/>
      <c r="FT44" s="242"/>
      <c r="FU44" s="242"/>
      <c r="FV44" s="242"/>
      <c r="FW44" s="242"/>
      <c r="FX44" s="242"/>
      <c r="FY44" s="242"/>
      <c r="FZ44" s="242"/>
      <c r="GA44" s="242"/>
      <c r="GB44" s="242"/>
      <c r="GC44" s="242"/>
      <c r="GD44" s="242"/>
      <c r="GE44" s="242"/>
      <c r="GF44" s="242"/>
      <c r="GG44" s="242"/>
      <c r="GH44" s="242"/>
      <c r="GI44" s="242"/>
      <c r="GJ44" s="242"/>
      <c r="GK44" s="242"/>
      <c r="GL44" s="242"/>
      <c r="GM44" s="242"/>
      <c r="GN44" s="242"/>
      <c r="GO44" s="242"/>
      <c r="GP44" s="263"/>
      <c r="GQ44" s="263"/>
      <c r="GR44" s="263"/>
      <c r="GS44" s="263"/>
      <c r="GT44" s="263"/>
      <c r="GU44" s="263"/>
      <c r="GV44" s="263"/>
      <c r="GW44" s="263"/>
      <c r="GX44" s="263"/>
      <c r="GY44" s="263"/>
      <c r="GZ44" s="263"/>
      <c r="HA44" s="263"/>
      <c r="HB44" s="263"/>
      <c r="HC44" s="263"/>
      <c r="HD44" s="263"/>
      <c r="HE44" s="263"/>
      <c r="HF44" s="263"/>
      <c r="HG44" s="263"/>
      <c r="HH44" s="263"/>
      <c r="HI44" s="263"/>
      <c r="HJ44" s="263"/>
      <c r="HK44" s="263"/>
      <c r="HL44" s="263"/>
      <c r="HM44" s="263"/>
      <c r="HN44" s="263"/>
      <c r="HO44" s="263"/>
      <c r="HP44" s="263"/>
      <c r="HQ44" s="263"/>
    </row>
    <row r="45" spans="2:225" ht="6" customHeight="1">
      <c r="B45" s="236"/>
      <c r="C45" s="236"/>
      <c r="D45" s="236"/>
      <c r="E45" s="236"/>
      <c r="F45" s="236"/>
      <c r="G45" s="236"/>
      <c r="H45" s="236"/>
      <c r="I45" s="236"/>
      <c r="J45" s="236"/>
      <c r="K45" s="236"/>
      <c r="L45" s="236"/>
      <c r="M45" s="236"/>
      <c r="N45" s="236"/>
      <c r="O45" s="236"/>
      <c r="P45" s="237"/>
      <c r="Q45" s="238"/>
      <c r="R45" s="239"/>
      <c r="S45" s="239"/>
      <c r="T45" s="239"/>
      <c r="U45" s="239"/>
      <c r="V45" s="239"/>
      <c r="W45" s="239"/>
      <c r="X45" s="239"/>
      <c r="Y45" s="239"/>
      <c r="Z45" s="239"/>
      <c r="AA45" s="239"/>
      <c r="AB45" s="239"/>
      <c r="AC45" s="239"/>
      <c r="AD45" s="239"/>
      <c r="AE45" s="239"/>
      <c r="AF45" s="239"/>
      <c r="AG45" s="239"/>
      <c r="AH45" s="239"/>
      <c r="AI45" s="239"/>
      <c r="AJ45" s="239"/>
      <c r="AK45" s="239"/>
      <c r="AL45" s="239"/>
      <c r="AM45" s="239"/>
      <c r="AN45" s="239"/>
      <c r="AO45" s="239"/>
      <c r="AP45" s="239"/>
      <c r="AQ45" s="239"/>
      <c r="AR45" s="239"/>
      <c r="AS45" s="239"/>
      <c r="AT45" s="239"/>
      <c r="AU45" s="239"/>
      <c r="AV45" s="239"/>
      <c r="AW45" s="239"/>
      <c r="AX45" s="239"/>
      <c r="AY45" s="239"/>
      <c r="AZ45" s="239"/>
      <c r="BA45" s="239"/>
      <c r="BB45" s="239"/>
      <c r="BC45" s="239"/>
      <c r="BD45" s="239"/>
      <c r="BE45" s="239"/>
      <c r="BF45" s="239"/>
      <c r="BG45" s="239"/>
      <c r="BH45" s="239"/>
      <c r="BI45" s="239"/>
      <c r="BJ45" s="239"/>
      <c r="BK45" s="239"/>
      <c r="BL45" s="239"/>
      <c r="BM45" s="239"/>
      <c r="BN45" s="239"/>
      <c r="BO45" s="239"/>
      <c r="BP45" s="239"/>
      <c r="BQ45" s="239"/>
      <c r="BR45" s="239"/>
      <c r="BS45" s="239"/>
      <c r="BT45" s="239"/>
      <c r="BU45" s="239"/>
      <c r="BV45" s="239"/>
      <c r="BW45" s="239"/>
      <c r="BX45" s="239"/>
      <c r="BY45" s="239"/>
      <c r="BZ45" s="239"/>
      <c r="CA45" s="239"/>
      <c r="CB45" s="239"/>
      <c r="CC45" s="239"/>
      <c r="CD45" s="239"/>
      <c r="CE45" s="239"/>
      <c r="CF45" s="239"/>
      <c r="CG45" s="240"/>
      <c r="CH45" s="241"/>
      <c r="CI45" s="242"/>
      <c r="CJ45" s="242"/>
      <c r="CK45" s="242"/>
      <c r="CL45" s="242"/>
      <c r="CM45" s="242"/>
      <c r="CN45" s="242"/>
      <c r="CO45" s="242"/>
      <c r="CP45" s="242"/>
      <c r="CQ45" s="242"/>
      <c r="CR45" s="242"/>
      <c r="CS45" s="242"/>
      <c r="CT45" s="242"/>
      <c r="CU45" s="242"/>
      <c r="CV45" s="242"/>
      <c r="CW45" s="242"/>
      <c r="CX45" s="242"/>
      <c r="CY45" s="242"/>
      <c r="CZ45" s="242"/>
      <c r="DA45" s="242"/>
      <c r="DB45" s="242"/>
      <c r="DC45" s="242"/>
      <c r="DD45" s="242"/>
      <c r="DE45" s="242"/>
      <c r="DF45" s="242"/>
      <c r="DG45" s="242"/>
      <c r="DH45" s="242"/>
      <c r="DI45" s="244"/>
      <c r="DJ45" s="244"/>
      <c r="DK45" s="244"/>
      <c r="DL45" s="244"/>
      <c r="DM45" s="244"/>
      <c r="DN45" s="244"/>
      <c r="DO45" s="244"/>
      <c r="DP45" s="244"/>
      <c r="DQ45" s="244"/>
      <c r="DR45" s="244"/>
      <c r="DS45" s="244"/>
      <c r="DT45" s="244"/>
      <c r="DU45" s="242"/>
      <c r="DV45" s="242"/>
      <c r="DW45" s="242"/>
      <c r="DX45" s="242"/>
      <c r="DY45" s="242"/>
      <c r="DZ45" s="242"/>
      <c r="EA45" s="242"/>
      <c r="EB45" s="242"/>
      <c r="EC45" s="242"/>
      <c r="ED45" s="242"/>
      <c r="EE45" s="242"/>
      <c r="EF45" s="242"/>
      <c r="EG45" s="251"/>
      <c r="EH45" s="252"/>
      <c r="EI45" s="252"/>
      <c r="EJ45" s="252"/>
      <c r="EK45" s="252"/>
      <c r="EL45" s="252"/>
      <c r="EM45" s="252"/>
      <c r="EN45" s="252"/>
      <c r="EO45" s="252"/>
      <c r="EP45" s="252"/>
      <c r="EQ45" s="252"/>
      <c r="ER45" s="252"/>
      <c r="ES45" s="252"/>
      <c r="ET45" s="252"/>
      <c r="EU45" s="253"/>
      <c r="EV45" s="260"/>
      <c r="EW45" s="261"/>
      <c r="EX45" s="261"/>
      <c r="EY45" s="261"/>
      <c r="EZ45" s="261"/>
      <c r="FA45" s="261"/>
      <c r="FB45" s="261"/>
      <c r="FC45" s="261"/>
      <c r="FD45" s="261"/>
      <c r="FE45" s="261"/>
      <c r="FF45" s="261"/>
      <c r="FG45" s="261"/>
      <c r="FH45" s="261"/>
      <c r="FI45" s="261"/>
      <c r="FJ45" s="261"/>
      <c r="FK45" s="261"/>
      <c r="FL45" s="261"/>
      <c r="FM45" s="262"/>
      <c r="FN45" s="242"/>
      <c r="FO45" s="242"/>
      <c r="FP45" s="242"/>
      <c r="FQ45" s="242"/>
      <c r="FR45" s="242"/>
      <c r="FS45" s="242"/>
      <c r="FT45" s="242"/>
      <c r="FU45" s="242"/>
      <c r="FV45" s="242"/>
      <c r="FW45" s="242"/>
      <c r="FX45" s="242"/>
      <c r="FY45" s="242"/>
      <c r="FZ45" s="242"/>
      <c r="GA45" s="242"/>
      <c r="GB45" s="242"/>
      <c r="GC45" s="242"/>
      <c r="GD45" s="242"/>
      <c r="GE45" s="242"/>
      <c r="GF45" s="242"/>
      <c r="GG45" s="242"/>
      <c r="GH45" s="242"/>
      <c r="GI45" s="242"/>
      <c r="GJ45" s="242"/>
      <c r="GK45" s="242"/>
      <c r="GL45" s="242"/>
      <c r="GM45" s="242"/>
      <c r="GN45" s="242"/>
      <c r="GO45" s="242"/>
      <c r="GP45" s="263"/>
      <c r="GQ45" s="263"/>
      <c r="GR45" s="263"/>
      <c r="GS45" s="263"/>
      <c r="GT45" s="263"/>
      <c r="GU45" s="263"/>
      <c r="GV45" s="263"/>
      <c r="GW45" s="263"/>
      <c r="GX45" s="263"/>
      <c r="GY45" s="263"/>
      <c r="GZ45" s="263"/>
      <c r="HA45" s="263"/>
      <c r="HB45" s="263"/>
      <c r="HC45" s="263"/>
      <c r="HD45" s="263"/>
      <c r="HE45" s="263"/>
      <c r="HF45" s="263"/>
      <c r="HG45" s="263"/>
      <c r="HH45" s="263"/>
      <c r="HI45" s="263"/>
      <c r="HJ45" s="263"/>
      <c r="HK45" s="263"/>
      <c r="HL45" s="263"/>
      <c r="HM45" s="263"/>
      <c r="HN45" s="263"/>
      <c r="HO45" s="263"/>
      <c r="HP45" s="263"/>
      <c r="HQ45" s="263"/>
    </row>
    <row r="46" spans="2:225" ht="6" customHeight="1">
      <c r="B46" s="236"/>
      <c r="C46" s="236"/>
      <c r="D46" s="236"/>
      <c r="E46" s="236"/>
      <c r="F46" s="236"/>
      <c r="G46" s="236"/>
      <c r="H46" s="236"/>
      <c r="I46" s="236"/>
      <c r="J46" s="236"/>
      <c r="K46" s="236"/>
      <c r="L46" s="236"/>
      <c r="M46" s="236"/>
      <c r="N46" s="236"/>
      <c r="O46" s="236"/>
      <c r="P46" s="237"/>
      <c r="Q46" s="241"/>
      <c r="R46" s="293"/>
      <c r="S46" s="293"/>
      <c r="T46" s="293"/>
      <c r="U46" s="293"/>
      <c r="V46" s="293"/>
      <c r="W46" s="293"/>
      <c r="X46" s="293"/>
      <c r="Y46" s="293"/>
      <c r="Z46" s="293"/>
      <c r="AA46" s="293"/>
      <c r="AB46" s="293"/>
      <c r="AC46" s="293"/>
      <c r="AD46" s="293"/>
      <c r="AE46" s="293"/>
      <c r="AF46" s="293"/>
      <c r="AG46" s="293"/>
      <c r="AH46" s="293"/>
      <c r="AI46" s="293"/>
      <c r="AJ46" s="293"/>
      <c r="AK46" s="293"/>
      <c r="AL46" s="293"/>
      <c r="AM46" s="293"/>
      <c r="AN46" s="293"/>
      <c r="AO46" s="293"/>
      <c r="AP46" s="293"/>
      <c r="AQ46" s="293"/>
      <c r="AR46" s="293"/>
      <c r="AS46" s="293"/>
      <c r="AT46" s="293"/>
      <c r="AU46" s="293"/>
      <c r="AV46" s="293"/>
      <c r="AW46" s="293"/>
      <c r="AX46" s="293"/>
      <c r="AY46" s="293"/>
      <c r="AZ46" s="293"/>
      <c r="BA46" s="293"/>
      <c r="BB46" s="293"/>
      <c r="BC46" s="293"/>
      <c r="BD46" s="293"/>
      <c r="BE46" s="293"/>
      <c r="BF46" s="293"/>
      <c r="BG46" s="293"/>
      <c r="BH46" s="293"/>
      <c r="BI46" s="293"/>
      <c r="BJ46" s="293"/>
      <c r="BK46" s="293"/>
      <c r="BL46" s="293"/>
      <c r="BM46" s="293"/>
      <c r="BN46" s="293"/>
      <c r="BO46" s="293"/>
      <c r="BP46" s="293"/>
      <c r="BQ46" s="293"/>
      <c r="BR46" s="293"/>
      <c r="BS46" s="293"/>
      <c r="BT46" s="293"/>
      <c r="BU46" s="293"/>
      <c r="BV46" s="293"/>
      <c r="BW46" s="293"/>
      <c r="BX46" s="293"/>
      <c r="BY46" s="293"/>
      <c r="BZ46" s="293"/>
      <c r="CA46" s="293"/>
      <c r="CB46" s="293"/>
      <c r="CC46" s="293"/>
      <c r="CD46" s="293"/>
      <c r="CE46" s="293"/>
      <c r="CF46" s="293"/>
      <c r="CG46" s="294"/>
      <c r="CH46" s="241"/>
      <c r="CI46" s="242"/>
      <c r="CJ46" s="242"/>
      <c r="CK46" s="242"/>
      <c r="CL46" s="242"/>
      <c r="CM46" s="242"/>
      <c r="CN46" s="242"/>
      <c r="CO46" s="242"/>
      <c r="CP46" s="242"/>
      <c r="CQ46" s="242"/>
      <c r="CR46" s="242"/>
      <c r="CS46" s="242"/>
      <c r="CT46" s="242"/>
      <c r="CU46" s="242"/>
      <c r="CV46" s="242"/>
      <c r="CW46" s="242"/>
      <c r="CX46" s="242"/>
      <c r="CY46" s="242"/>
      <c r="CZ46" s="242"/>
      <c r="DA46" s="242"/>
      <c r="DB46" s="242"/>
      <c r="DC46" s="242"/>
      <c r="DD46" s="242"/>
      <c r="DE46" s="242"/>
      <c r="DF46" s="242"/>
      <c r="DG46" s="242"/>
      <c r="DH46" s="242"/>
      <c r="DI46" s="244"/>
      <c r="DJ46" s="244"/>
      <c r="DK46" s="244"/>
      <c r="DL46" s="244"/>
      <c r="DM46" s="244"/>
      <c r="DN46" s="244"/>
      <c r="DO46" s="244"/>
      <c r="DP46" s="244"/>
      <c r="DQ46" s="244"/>
      <c r="DR46" s="244"/>
      <c r="DS46" s="244"/>
      <c r="DT46" s="244"/>
      <c r="DU46" s="283"/>
      <c r="DV46" s="283"/>
      <c r="DW46" s="283"/>
      <c r="DX46" s="283"/>
      <c r="DY46" s="283"/>
      <c r="DZ46" s="283"/>
      <c r="EA46" s="283"/>
      <c r="EB46" s="283"/>
      <c r="EC46" s="283"/>
      <c r="ED46" s="283"/>
      <c r="EE46" s="283"/>
      <c r="EF46" s="283"/>
      <c r="EG46" s="284"/>
      <c r="EH46" s="285"/>
      <c r="EI46" s="285"/>
      <c r="EJ46" s="285"/>
      <c r="EK46" s="285"/>
      <c r="EL46" s="285"/>
      <c r="EM46" s="285"/>
      <c r="EN46" s="285"/>
      <c r="EO46" s="285"/>
      <c r="EP46" s="285"/>
      <c r="EQ46" s="285"/>
      <c r="ER46" s="285"/>
      <c r="ES46" s="285"/>
      <c r="ET46" s="285"/>
      <c r="EU46" s="286"/>
      <c r="EV46" s="284"/>
      <c r="EW46" s="285"/>
      <c r="EX46" s="285"/>
      <c r="EY46" s="285"/>
      <c r="EZ46" s="285"/>
      <c r="FA46" s="285"/>
      <c r="FB46" s="285"/>
      <c r="FC46" s="285"/>
      <c r="FD46" s="285"/>
      <c r="FE46" s="285"/>
      <c r="FF46" s="285"/>
      <c r="FG46" s="285"/>
      <c r="FH46" s="285"/>
      <c r="FI46" s="285"/>
      <c r="FJ46" s="285"/>
      <c r="FK46" s="285"/>
      <c r="FL46" s="285"/>
      <c r="FM46" s="286"/>
      <c r="FN46" s="242"/>
      <c r="FO46" s="242"/>
      <c r="FP46" s="242"/>
      <c r="FQ46" s="242"/>
      <c r="FR46" s="242"/>
      <c r="FS46" s="242"/>
      <c r="FT46" s="242"/>
      <c r="FU46" s="242"/>
      <c r="FV46" s="242"/>
      <c r="FW46" s="242"/>
      <c r="FX46" s="242"/>
      <c r="FY46" s="242"/>
      <c r="FZ46" s="242"/>
      <c r="GA46" s="242"/>
      <c r="GB46" s="242"/>
      <c r="GC46" s="242"/>
      <c r="GD46" s="242"/>
      <c r="GE46" s="242"/>
      <c r="GF46" s="242"/>
      <c r="GG46" s="242"/>
      <c r="GH46" s="242"/>
      <c r="GI46" s="242"/>
      <c r="GJ46" s="242"/>
      <c r="GK46" s="242"/>
      <c r="GL46" s="242"/>
      <c r="GM46" s="242"/>
      <c r="GN46" s="242"/>
      <c r="GO46" s="242"/>
      <c r="GP46" s="242"/>
      <c r="GQ46" s="242"/>
      <c r="GR46" s="242"/>
      <c r="GS46" s="242"/>
      <c r="GT46" s="242"/>
      <c r="GU46" s="242"/>
      <c r="GV46" s="242"/>
      <c r="GW46" s="242"/>
      <c r="GX46" s="242"/>
      <c r="GY46" s="242"/>
      <c r="GZ46" s="242"/>
      <c r="HA46" s="242"/>
      <c r="HB46" s="242"/>
      <c r="HC46" s="242"/>
      <c r="HD46" s="242"/>
      <c r="HE46" s="242"/>
      <c r="HF46" s="242"/>
      <c r="HG46" s="242"/>
      <c r="HH46" s="242"/>
      <c r="HI46" s="242"/>
      <c r="HJ46" s="242"/>
      <c r="HK46" s="242"/>
      <c r="HL46" s="242"/>
      <c r="HM46" s="242"/>
      <c r="HN46" s="242"/>
      <c r="HO46" s="242"/>
      <c r="HP46" s="242"/>
      <c r="HQ46" s="242"/>
    </row>
    <row r="47" spans="2:225" ht="6" customHeight="1">
      <c r="B47" s="236"/>
      <c r="C47" s="236"/>
      <c r="D47" s="236"/>
      <c r="E47" s="236"/>
      <c r="F47" s="236"/>
      <c r="G47" s="236"/>
      <c r="H47" s="236"/>
      <c r="I47" s="236"/>
      <c r="J47" s="236"/>
      <c r="K47" s="236"/>
      <c r="L47" s="236"/>
      <c r="M47" s="236"/>
      <c r="N47" s="236"/>
      <c r="O47" s="236"/>
      <c r="P47" s="237"/>
      <c r="Q47" s="241"/>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c r="AS47" s="293"/>
      <c r="AT47" s="293"/>
      <c r="AU47" s="293"/>
      <c r="AV47" s="293"/>
      <c r="AW47" s="293"/>
      <c r="AX47" s="293"/>
      <c r="AY47" s="293"/>
      <c r="AZ47" s="293"/>
      <c r="BA47" s="293"/>
      <c r="BB47" s="293"/>
      <c r="BC47" s="293"/>
      <c r="BD47" s="293"/>
      <c r="BE47" s="293"/>
      <c r="BF47" s="293"/>
      <c r="BG47" s="293"/>
      <c r="BH47" s="293"/>
      <c r="BI47" s="293"/>
      <c r="BJ47" s="293"/>
      <c r="BK47" s="293"/>
      <c r="BL47" s="293"/>
      <c r="BM47" s="293"/>
      <c r="BN47" s="293"/>
      <c r="BO47" s="293"/>
      <c r="BP47" s="293"/>
      <c r="BQ47" s="293"/>
      <c r="BR47" s="293"/>
      <c r="BS47" s="293"/>
      <c r="BT47" s="293"/>
      <c r="BU47" s="293"/>
      <c r="BV47" s="293"/>
      <c r="BW47" s="293"/>
      <c r="BX47" s="293"/>
      <c r="BY47" s="293"/>
      <c r="BZ47" s="293"/>
      <c r="CA47" s="293"/>
      <c r="CB47" s="293"/>
      <c r="CC47" s="293"/>
      <c r="CD47" s="293"/>
      <c r="CE47" s="293"/>
      <c r="CF47" s="293"/>
      <c r="CG47" s="294"/>
      <c r="CH47" s="241"/>
      <c r="CI47" s="242"/>
      <c r="CJ47" s="242"/>
      <c r="CK47" s="242"/>
      <c r="CL47" s="242"/>
      <c r="CM47" s="242"/>
      <c r="CN47" s="242"/>
      <c r="CO47" s="242"/>
      <c r="CP47" s="242"/>
      <c r="CQ47" s="242"/>
      <c r="CR47" s="242"/>
      <c r="CS47" s="242"/>
      <c r="CT47" s="242"/>
      <c r="CU47" s="242"/>
      <c r="CV47" s="242"/>
      <c r="CW47" s="242"/>
      <c r="CX47" s="242"/>
      <c r="CY47" s="242"/>
      <c r="CZ47" s="242"/>
      <c r="DA47" s="242"/>
      <c r="DB47" s="242"/>
      <c r="DC47" s="242"/>
      <c r="DD47" s="242"/>
      <c r="DE47" s="242"/>
      <c r="DF47" s="242"/>
      <c r="DG47" s="242"/>
      <c r="DH47" s="242"/>
      <c r="DI47" s="244"/>
      <c r="DJ47" s="244"/>
      <c r="DK47" s="244"/>
      <c r="DL47" s="244"/>
      <c r="DM47" s="244"/>
      <c r="DN47" s="244"/>
      <c r="DO47" s="244"/>
      <c r="DP47" s="244"/>
      <c r="DQ47" s="244"/>
      <c r="DR47" s="244"/>
      <c r="DS47" s="244"/>
      <c r="DT47" s="244"/>
      <c r="DU47" s="283"/>
      <c r="DV47" s="283"/>
      <c r="DW47" s="283"/>
      <c r="DX47" s="283"/>
      <c r="DY47" s="283"/>
      <c r="DZ47" s="283"/>
      <c r="EA47" s="283"/>
      <c r="EB47" s="283"/>
      <c r="EC47" s="283"/>
      <c r="ED47" s="283"/>
      <c r="EE47" s="283"/>
      <c r="EF47" s="283"/>
      <c r="EG47" s="287"/>
      <c r="EH47" s="288"/>
      <c r="EI47" s="288"/>
      <c r="EJ47" s="288"/>
      <c r="EK47" s="288"/>
      <c r="EL47" s="288"/>
      <c r="EM47" s="288"/>
      <c r="EN47" s="288"/>
      <c r="EO47" s="288"/>
      <c r="EP47" s="288"/>
      <c r="EQ47" s="288"/>
      <c r="ER47" s="288"/>
      <c r="ES47" s="288"/>
      <c r="ET47" s="288"/>
      <c r="EU47" s="289"/>
      <c r="EV47" s="287"/>
      <c r="EW47" s="288"/>
      <c r="EX47" s="288"/>
      <c r="EY47" s="288"/>
      <c r="EZ47" s="288"/>
      <c r="FA47" s="288"/>
      <c r="FB47" s="288"/>
      <c r="FC47" s="288"/>
      <c r="FD47" s="288"/>
      <c r="FE47" s="288"/>
      <c r="FF47" s="288"/>
      <c r="FG47" s="288"/>
      <c r="FH47" s="288"/>
      <c r="FI47" s="288"/>
      <c r="FJ47" s="288"/>
      <c r="FK47" s="288"/>
      <c r="FL47" s="288"/>
      <c r="FM47" s="289"/>
      <c r="FN47" s="242"/>
      <c r="FO47" s="242"/>
      <c r="FP47" s="242"/>
      <c r="FQ47" s="242"/>
      <c r="FR47" s="242"/>
      <c r="FS47" s="242"/>
      <c r="FT47" s="242"/>
      <c r="FU47" s="242"/>
      <c r="FV47" s="242"/>
      <c r="FW47" s="242"/>
      <c r="FX47" s="242"/>
      <c r="FY47" s="242"/>
      <c r="FZ47" s="242"/>
      <c r="GA47" s="242"/>
      <c r="GB47" s="242"/>
      <c r="GC47" s="242"/>
      <c r="GD47" s="242"/>
      <c r="GE47" s="242"/>
      <c r="GF47" s="242"/>
      <c r="GG47" s="242"/>
      <c r="GH47" s="242"/>
      <c r="GI47" s="242"/>
      <c r="GJ47" s="242"/>
      <c r="GK47" s="242"/>
      <c r="GL47" s="242"/>
      <c r="GM47" s="242"/>
      <c r="GN47" s="242"/>
      <c r="GO47" s="242"/>
      <c r="GP47" s="242"/>
      <c r="GQ47" s="242"/>
      <c r="GR47" s="242"/>
      <c r="GS47" s="242"/>
      <c r="GT47" s="242"/>
      <c r="GU47" s="242"/>
      <c r="GV47" s="242"/>
      <c r="GW47" s="242"/>
      <c r="GX47" s="242"/>
      <c r="GY47" s="242"/>
      <c r="GZ47" s="242"/>
      <c r="HA47" s="242"/>
      <c r="HB47" s="242"/>
      <c r="HC47" s="242"/>
      <c r="HD47" s="242"/>
      <c r="HE47" s="242"/>
      <c r="HF47" s="242"/>
      <c r="HG47" s="242"/>
      <c r="HH47" s="242"/>
      <c r="HI47" s="242"/>
      <c r="HJ47" s="242"/>
      <c r="HK47" s="242"/>
      <c r="HL47" s="242"/>
      <c r="HM47" s="242"/>
      <c r="HN47" s="242"/>
      <c r="HO47" s="242"/>
      <c r="HP47" s="242"/>
      <c r="HQ47" s="242"/>
    </row>
    <row r="48" spans="2:225" ht="6" customHeight="1">
      <c r="B48" s="236"/>
      <c r="C48" s="236"/>
      <c r="D48" s="236"/>
      <c r="E48" s="236"/>
      <c r="F48" s="236"/>
      <c r="G48" s="236"/>
      <c r="H48" s="236"/>
      <c r="I48" s="236"/>
      <c r="J48" s="236"/>
      <c r="K48" s="236"/>
      <c r="L48" s="236"/>
      <c r="M48" s="236"/>
      <c r="N48" s="236"/>
      <c r="O48" s="236"/>
      <c r="P48" s="237"/>
      <c r="Q48" s="241"/>
      <c r="R48" s="293"/>
      <c r="S48" s="293"/>
      <c r="T48" s="293"/>
      <c r="U48" s="293"/>
      <c r="V48" s="293"/>
      <c r="W48" s="293"/>
      <c r="X48" s="293"/>
      <c r="Y48" s="293"/>
      <c r="Z48" s="293"/>
      <c r="AA48" s="293"/>
      <c r="AB48" s="293"/>
      <c r="AC48" s="293"/>
      <c r="AD48" s="293"/>
      <c r="AE48" s="293"/>
      <c r="AF48" s="293"/>
      <c r="AG48" s="293"/>
      <c r="AH48" s="293"/>
      <c r="AI48" s="293"/>
      <c r="AJ48" s="293"/>
      <c r="AK48" s="293"/>
      <c r="AL48" s="293"/>
      <c r="AM48" s="293"/>
      <c r="AN48" s="293"/>
      <c r="AO48" s="293"/>
      <c r="AP48" s="293"/>
      <c r="AQ48" s="293"/>
      <c r="AR48" s="293"/>
      <c r="AS48" s="293"/>
      <c r="AT48" s="293"/>
      <c r="AU48" s="293"/>
      <c r="AV48" s="293"/>
      <c r="AW48" s="293"/>
      <c r="AX48" s="293"/>
      <c r="AY48" s="293"/>
      <c r="AZ48" s="293"/>
      <c r="BA48" s="293"/>
      <c r="BB48" s="293"/>
      <c r="BC48" s="293"/>
      <c r="BD48" s="293"/>
      <c r="BE48" s="293"/>
      <c r="BF48" s="293"/>
      <c r="BG48" s="293"/>
      <c r="BH48" s="293"/>
      <c r="BI48" s="293"/>
      <c r="BJ48" s="293"/>
      <c r="BK48" s="293"/>
      <c r="BL48" s="293"/>
      <c r="BM48" s="293"/>
      <c r="BN48" s="293"/>
      <c r="BO48" s="293"/>
      <c r="BP48" s="293"/>
      <c r="BQ48" s="293"/>
      <c r="BR48" s="293"/>
      <c r="BS48" s="293"/>
      <c r="BT48" s="293"/>
      <c r="BU48" s="293"/>
      <c r="BV48" s="293"/>
      <c r="BW48" s="293"/>
      <c r="BX48" s="293"/>
      <c r="BY48" s="293"/>
      <c r="BZ48" s="293"/>
      <c r="CA48" s="293"/>
      <c r="CB48" s="293"/>
      <c r="CC48" s="293"/>
      <c r="CD48" s="293"/>
      <c r="CE48" s="293"/>
      <c r="CF48" s="293"/>
      <c r="CG48" s="294"/>
      <c r="CH48" s="241"/>
      <c r="CI48" s="242"/>
      <c r="CJ48" s="242"/>
      <c r="CK48" s="242"/>
      <c r="CL48" s="242"/>
      <c r="CM48" s="242"/>
      <c r="CN48" s="242"/>
      <c r="CO48" s="242"/>
      <c r="CP48" s="242"/>
      <c r="CQ48" s="242"/>
      <c r="CR48" s="242"/>
      <c r="CS48" s="242"/>
      <c r="CT48" s="242"/>
      <c r="CU48" s="242"/>
      <c r="CV48" s="242"/>
      <c r="CW48" s="242"/>
      <c r="CX48" s="242"/>
      <c r="CY48" s="242"/>
      <c r="CZ48" s="242"/>
      <c r="DA48" s="242"/>
      <c r="DB48" s="242"/>
      <c r="DC48" s="242"/>
      <c r="DD48" s="242"/>
      <c r="DE48" s="242"/>
      <c r="DF48" s="242"/>
      <c r="DG48" s="242"/>
      <c r="DH48" s="242"/>
      <c r="DI48" s="244"/>
      <c r="DJ48" s="244"/>
      <c r="DK48" s="244"/>
      <c r="DL48" s="244"/>
      <c r="DM48" s="244"/>
      <c r="DN48" s="244"/>
      <c r="DO48" s="244"/>
      <c r="DP48" s="244"/>
      <c r="DQ48" s="244"/>
      <c r="DR48" s="244"/>
      <c r="DS48" s="244"/>
      <c r="DT48" s="244"/>
      <c r="DU48" s="283"/>
      <c r="DV48" s="283"/>
      <c r="DW48" s="283"/>
      <c r="DX48" s="283"/>
      <c r="DY48" s="283"/>
      <c r="DZ48" s="283"/>
      <c r="EA48" s="283"/>
      <c r="EB48" s="283"/>
      <c r="EC48" s="283"/>
      <c r="ED48" s="283"/>
      <c r="EE48" s="283"/>
      <c r="EF48" s="283"/>
      <c r="EG48" s="287"/>
      <c r="EH48" s="288"/>
      <c r="EI48" s="288"/>
      <c r="EJ48" s="288"/>
      <c r="EK48" s="288"/>
      <c r="EL48" s="288"/>
      <c r="EM48" s="288"/>
      <c r="EN48" s="288"/>
      <c r="EO48" s="288"/>
      <c r="EP48" s="288"/>
      <c r="EQ48" s="288"/>
      <c r="ER48" s="288"/>
      <c r="ES48" s="288"/>
      <c r="ET48" s="288"/>
      <c r="EU48" s="289"/>
      <c r="EV48" s="287"/>
      <c r="EW48" s="288"/>
      <c r="EX48" s="288"/>
      <c r="EY48" s="288"/>
      <c r="EZ48" s="288"/>
      <c r="FA48" s="288"/>
      <c r="FB48" s="288"/>
      <c r="FC48" s="288"/>
      <c r="FD48" s="288"/>
      <c r="FE48" s="288"/>
      <c r="FF48" s="288"/>
      <c r="FG48" s="288"/>
      <c r="FH48" s="288"/>
      <c r="FI48" s="288"/>
      <c r="FJ48" s="288"/>
      <c r="FK48" s="288"/>
      <c r="FL48" s="288"/>
      <c r="FM48" s="289"/>
      <c r="FN48" s="242"/>
      <c r="FO48" s="242"/>
      <c r="FP48" s="242"/>
      <c r="FQ48" s="242"/>
      <c r="FR48" s="242"/>
      <c r="FS48" s="242"/>
      <c r="FT48" s="242"/>
      <c r="FU48" s="242"/>
      <c r="FV48" s="242"/>
      <c r="FW48" s="242"/>
      <c r="FX48" s="242"/>
      <c r="FY48" s="242"/>
      <c r="FZ48" s="242"/>
      <c r="GA48" s="242"/>
      <c r="GB48" s="242"/>
      <c r="GC48" s="242"/>
      <c r="GD48" s="242"/>
      <c r="GE48" s="242"/>
      <c r="GF48" s="242"/>
      <c r="GG48" s="242"/>
      <c r="GH48" s="242"/>
      <c r="GI48" s="242"/>
      <c r="GJ48" s="242"/>
      <c r="GK48" s="242"/>
      <c r="GL48" s="242"/>
      <c r="GM48" s="242"/>
      <c r="GN48" s="242"/>
      <c r="GO48" s="242"/>
      <c r="GP48" s="242"/>
      <c r="GQ48" s="242"/>
      <c r="GR48" s="242"/>
      <c r="GS48" s="242"/>
      <c r="GT48" s="242"/>
      <c r="GU48" s="242"/>
      <c r="GV48" s="242"/>
      <c r="GW48" s="242"/>
      <c r="GX48" s="242"/>
      <c r="GY48" s="242"/>
      <c r="GZ48" s="242"/>
      <c r="HA48" s="242"/>
      <c r="HB48" s="242"/>
      <c r="HC48" s="242"/>
      <c r="HD48" s="242"/>
      <c r="HE48" s="242"/>
      <c r="HF48" s="242"/>
      <c r="HG48" s="242"/>
      <c r="HH48" s="242"/>
      <c r="HI48" s="242"/>
      <c r="HJ48" s="242"/>
      <c r="HK48" s="242"/>
      <c r="HL48" s="242"/>
      <c r="HM48" s="242"/>
      <c r="HN48" s="242"/>
      <c r="HO48" s="242"/>
      <c r="HP48" s="242"/>
      <c r="HQ48" s="242"/>
    </row>
    <row r="49" spans="2:225" ht="6" customHeight="1">
      <c r="B49" s="236"/>
      <c r="C49" s="236"/>
      <c r="D49" s="236"/>
      <c r="E49" s="236"/>
      <c r="F49" s="236"/>
      <c r="G49" s="236"/>
      <c r="H49" s="236"/>
      <c r="I49" s="236"/>
      <c r="J49" s="236"/>
      <c r="K49" s="236"/>
      <c r="L49" s="236"/>
      <c r="M49" s="236"/>
      <c r="N49" s="236"/>
      <c r="O49" s="236"/>
      <c r="P49" s="237"/>
      <c r="Q49" s="241"/>
      <c r="R49" s="293"/>
      <c r="S49" s="293"/>
      <c r="T49" s="293"/>
      <c r="U49" s="293"/>
      <c r="V49" s="293"/>
      <c r="W49" s="293"/>
      <c r="X49" s="293"/>
      <c r="Y49" s="293"/>
      <c r="Z49" s="293"/>
      <c r="AA49" s="293"/>
      <c r="AB49" s="293"/>
      <c r="AC49" s="293"/>
      <c r="AD49" s="293"/>
      <c r="AE49" s="293"/>
      <c r="AF49" s="293"/>
      <c r="AG49" s="293"/>
      <c r="AH49" s="293"/>
      <c r="AI49" s="293"/>
      <c r="AJ49" s="293"/>
      <c r="AK49" s="293"/>
      <c r="AL49" s="293"/>
      <c r="AM49" s="293"/>
      <c r="AN49" s="293"/>
      <c r="AO49" s="293"/>
      <c r="AP49" s="293"/>
      <c r="AQ49" s="293"/>
      <c r="AR49" s="293"/>
      <c r="AS49" s="293"/>
      <c r="AT49" s="293"/>
      <c r="AU49" s="293"/>
      <c r="AV49" s="293"/>
      <c r="AW49" s="293"/>
      <c r="AX49" s="293"/>
      <c r="AY49" s="293"/>
      <c r="AZ49" s="293"/>
      <c r="BA49" s="293"/>
      <c r="BB49" s="293"/>
      <c r="BC49" s="293"/>
      <c r="BD49" s="293"/>
      <c r="BE49" s="293"/>
      <c r="BF49" s="293"/>
      <c r="BG49" s="293"/>
      <c r="BH49" s="293"/>
      <c r="BI49" s="293"/>
      <c r="BJ49" s="293"/>
      <c r="BK49" s="293"/>
      <c r="BL49" s="293"/>
      <c r="BM49" s="293"/>
      <c r="BN49" s="293"/>
      <c r="BO49" s="293"/>
      <c r="BP49" s="293"/>
      <c r="BQ49" s="293"/>
      <c r="BR49" s="293"/>
      <c r="BS49" s="293"/>
      <c r="BT49" s="293"/>
      <c r="BU49" s="293"/>
      <c r="BV49" s="293"/>
      <c r="BW49" s="293"/>
      <c r="BX49" s="293"/>
      <c r="BY49" s="293"/>
      <c r="BZ49" s="293"/>
      <c r="CA49" s="293"/>
      <c r="CB49" s="293"/>
      <c r="CC49" s="293"/>
      <c r="CD49" s="293"/>
      <c r="CE49" s="293"/>
      <c r="CF49" s="293"/>
      <c r="CG49" s="294"/>
      <c r="CH49" s="241"/>
      <c r="CI49" s="242"/>
      <c r="CJ49" s="242"/>
      <c r="CK49" s="242"/>
      <c r="CL49" s="242"/>
      <c r="CM49" s="242"/>
      <c r="CN49" s="242"/>
      <c r="CO49" s="242"/>
      <c r="CP49" s="242"/>
      <c r="CQ49" s="242"/>
      <c r="CR49" s="242"/>
      <c r="CS49" s="242"/>
      <c r="CT49" s="242"/>
      <c r="CU49" s="242"/>
      <c r="CV49" s="242"/>
      <c r="CW49" s="242"/>
      <c r="CX49" s="242"/>
      <c r="CY49" s="242"/>
      <c r="CZ49" s="242"/>
      <c r="DA49" s="242"/>
      <c r="DB49" s="242"/>
      <c r="DC49" s="242"/>
      <c r="DD49" s="242"/>
      <c r="DE49" s="242"/>
      <c r="DF49" s="242"/>
      <c r="DG49" s="242"/>
      <c r="DH49" s="242"/>
      <c r="DI49" s="244"/>
      <c r="DJ49" s="244"/>
      <c r="DK49" s="244"/>
      <c r="DL49" s="244"/>
      <c r="DM49" s="244"/>
      <c r="DN49" s="244"/>
      <c r="DO49" s="244"/>
      <c r="DP49" s="244"/>
      <c r="DQ49" s="244"/>
      <c r="DR49" s="244"/>
      <c r="DS49" s="244"/>
      <c r="DT49" s="244"/>
      <c r="DU49" s="283"/>
      <c r="DV49" s="283"/>
      <c r="DW49" s="283"/>
      <c r="DX49" s="283"/>
      <c r="DY49" s="283"/>
      <c r="DZ49" s="283"/>
      <c r="EA49" s="283"/>
      <c r="EB49" s="283"/>
      <c r="EC49" s="283"/>
      <c r="ED49" s="283"/>
      <c r="EE49" s="283"/>
      <c r="EF49" s="283"/>
      <c r="EG49" s="290"/>
      <c r="EH49" s="291"/>
      <c r="EI49" s="291"/>
      <c r="EJ49" s="291"/>
      <c r="EK49" s="291"/>
      <c r="EL49" s="291"/>
      <c r="EM49" s="291"/>
      <c r="EN49" s="291"/>
      <c r="EO49" s="291"/>
      <c r="EP49" s="291"/>
      <c r="EQ49" s="291"/>
      <c r="ER49" s="291"/>
      <c r="ES49" s="291"/>
      <c r="ET49" s="291"/>
      <c r="EU49" s="292"/>
      <c r="EV49" s="290"/>
      <c r="EW49" s="291"/>
      <c r="EX49" s="291"/>
      <c r="EY49" s="291"/>
      <c r="EZ49" s="291"/>
      <c r="FA49" s="291"/>
      <c r="FB49" s="291"/>
      <c r="FC49" s="291"/>
      <c r="FD49" s="291"/>
      <c r="FE49" s="291"/>
      <c r="FF49" s="291"/>
      <c r="FG49" s="291"/>
      <c r="FH49" s="291"/>
      <c r="FI49" s="291"/>
      <c r="FJ49" s="291"/>
      <c r="FK49" s="291"/>
      <c r="FL49" s="291"/>
      <c r="FM49" s="292"/>
      <c r="FN49" s="242"/>
      <c r="FO49" s="242"/>
      <c r="FP49" s="242"/>
      <c r="FQ49" s="242"/>
      <c r="FR49" s="242"/>
      <c r="FS49" s="242"/>
      <c r="FT49" s="242"/>
      <c r="FU49" s="242"/>
      <c r="FV49" s="242"/>
      <c r="FW49" s="242"/>
      <c r="FX49" s="242"/>
      <c r="FY49" s="242"/>
      <c r="FZ49" s="242"/>
      <c r="GA49" s="242"/>
      <c r="GB49" s="242"/>
      <c r="GC49" s="242"/>
      <c r="GD49" s="242"/>
      <c r="GE49" s="242"/>
      <c r="GF49" s="242"/>
      <c r="GG49" s="242"/>
      <c r="GH49" s="242"/>
      <c r="GI49" s="242"/>
      <c r="GJ49" s="242"/>
      <c r="GK49" s="242"/>
      <c r="GL49" s="242"/>
      <c r="GM49" s="242"/>
      <c r="GN49" s="242"/>
      <c r="GO49" s="242"/>
      <c r="GP49" s="242"/>
      <c r="GQ49" s="242"/>
      <c r="GR49" s="242"/>
      <c r="GS49" s="242"/>
      <c r="GT49" s="242"/>
      <c r="GU49" s="242"/>
      <c r="GV49" s="242"/>
      <c r="GW49" s="242"/>
      <c r="GX49" s="242"/>
      <c r="GY49" s="242"/>
      <c r="GZ49" s="242"/>
      <c r="HA49" s="242"/>
      <c r="HB49" s="242"/>
      <c r="HC49" s="242"/>
      <c r="HD49" s="242"/>
      <c r="HE49" s="242"/>
      <c r="HF49" s="242"/>
      <c r="HG49" s="242"/>
      <c r="HH49" s="242"/>
      <c r="HI49" s="242"/>
      <c r="HJ49" s="242"/>
      <c r="HK49" s="242"/>
      <c r="HL49" s="242"/>
      <c r="HM49" s="242"/>
      <c r="HN49" s="242"/>
      <c r="HO49" s="242"/>
      <c r="HP49" s="242"/>
      <c r="HQ49" s="242"/>
    </row>
    <row r="50" spans="2:225" ht="6" customHeight="1">
      <c r="B50" s="236"/>
      <c r="C50" s="236"/>
      <c r="D50" s="236"/>
      <c r="E50" s="236"/>
      <c r="F50" s="236"/>
      <c r="G50" s="236"/>
      <c r="H50" s="236"/>
      <c r="I50" s="236"/>
      <c r="J50" s="236"/>
      <c r="K50" s="236"/>
      <c r="L50" s="236"/>
      <c r="M50" s="236"/>
      <c r="N50" s="236"/>
      <c r="O50" s="236"/>
      <c r="P50" s="237"/>
      <c r="Q50" s="241"/>
      <c r="R50" s="293"/>
      <c r="S50" s="293"/>
      <c r="T50" s="293"/>
      <c r="U50" s="293"/>
      <c r="V50" s="293"/>
      <c r="W50" s="293"/>
      <c r="X50" s="293"/>
      <c r="Y50" s="293"/>
      <c r="Z50" s="293"/>
      <c r="AA50" s="293"/>
      <c r="AB50" s="293"/>
      <c r="AC50" s="293"/>
      <c r="AD50" s="293"/>
      <c r="AE50" s="293"/>
      <c r="AF50" s="293"/>
      <c r="AG50" s="293"/>
      <c r="AH50" s="293"/>
      <c r="AI50" s="293"/>
      <c r="AJ50" s="293"/>
      <c r="AK50" s="293"/>
      <c r="AL50" s="293"/>
      <c r="AM50" s="293"/>
      <c r="AN50" s="293"/>
      <c r="AO50" s="293"/>
      <c r="AP50" s="293"/>
      <c r="AQ50" s="293"/>
      <c r="AR50" s="293"/>
      <c r="AS50" s="293"/>
      <c r="AT50" s="293"/>
      <c r="AU50" s="293"/>
      <c r="AV50" s="293"/>
      <c r="AW50" s="293"/>
      <c r="AX50" s="293"/>
      <c r="AY50" s="293"/>
      <c r="AZ50" s="293"/>
      <c r="BA50" s="293"/>
      <c r="BB50" s="293"/>
      <c r="BC50" s="293"/>
      <c r="BD50" s="293"/>
      <c r="BE50" s="293"/>
      <c r="BF50" s="293"/>
      <c r="BG50" s="293"/>
      <c r="BH50" s="293"/>
      <c r="BI50" s="293"/>
      <c r="BJ50" s="293"/>
      <c r="BK50" s="293"/>
      <c r="BL50" s="293"/>
      <c r="BM50" s="293"/>
      <c r="BN50" s="293"/>
      <c r="BO50" s="293"/>
      <c r="BP50" s="293"/>
      <c r="BQ50" s="293"/>
      <c r="BR50" s="293"/>
      <c r="BS50" s="293"/>
      <c r="BT50" s="293"/>
      <c r="BU50" s="293"/>
      <c r="BV50" s="293"/>
      <c r="BW50" s="293"/>
      <c r="BX50" s="293"/>
      <c r="BY50" s="293"/>
      <c r="BZ50" s="293"/>
      <c r="CA50" s="293"/>
      <c r="CB50" s="293"/>
      <c r="CC50" s="293"/>
      <c r="CD50" s="293"/>
      <c r="CE50" s="293"/>
      <c r="CF50" s="293"/>
      <c r="CG50" s="294"/>
      <c r="CH50" s="241"/>
      <c r="CI50" s="242"/>
      <c r="CJ50" s="242"/>
      <c r="CK50" s="242"/>
      <c r="CL50" s="242"/>
      <c r="CM50" s="242"/>
      <c r="CN50" s="242"/>
      <c r="CO50" s="242"/>
      <c r="CP50" s="242"/>
      <c r="CQ50" s="242"/>
      <c r="CR50" s="242"/>
      <c r="CS50" s="242"/>
      <c r="CT50" s="242"/>
      <c r="CU50" s="242"/>
      <c r="CV50" s="242"/>
      <c r="CW50" s="242"/>
      <c r="CX50" s="242"/>
      <c r="CY50" s="242"/>
      <c r="CZ50" s="242"/>
      <c r="DA50" s="242"/>
      <c r="DB50" s="242"/>
      <c r="DC50" s="242"/>
      <c r="DD50" s="242"/>
      <c r="DE50" s="242"/>
      <c r="DF50" s="242"/>
      <c r="DG50" s="242"/>
      <c r="DH50" s="242"/>
      <c r="DI50" s="244"/>
      <c r="DJ50" s="244"/>
      <c r="DK50" s="244"/>
      <c r="DL50" s="244"/>
      <c r="DM50" s="244"/>
      <c r="DN50" s="244"/>
      <c r="DO50" s="244"/>
      <c r="DP50" s="244"/>
      <c r="DQ50" s="244"/>
      <c r="DR50" s="244"/>
      <c r="DS50" s="244"/>
      <c r="DT50" s="244"/>
      <c r="DU50" s="283"/>
      <c r="DV50" s="283"/>
      <c r="DW50" s="283"/>
      <c r="DX50" s="283"/>
      <c r="DY50" s="283"/>
      <c r="DZ50" s="283"/>
      <c r="EA50" s="283"/>
      <c r="EB50" s="283"/>
      <c r="EC50" s="283"/>
      <c r="ED50" s="283"/>
      <c r="EE50" s="283"/>
      <c r="EF50" s="283"/>
      <c r="EG50" s="245"/>
      <c r="EH50" s="246"/>
      <c r="EI50" s="246"/>
      <c r="EJ50" s="246"/>
      <c r="EK50" s="246"/>
      <c r="EL50" s="246"/>
      <c r="EM50" s="246"/>
      <c r="EN50" s="246"/>
      <c r="EO50" s="246"/>
      <c r="EP50" s="246"/>
      <c r="EQ50" s="246"/>
      <c r="ER50" s="246"/>
      <c r="ES50" s="246"/>
      <c r="ET50" s="246"/>
      <c r="EU50" s="247"/>
      <c r="EV50" s="245"/>
      <c r="EW50" s="246"/>
      <c r="EX50" s="246"/>
      <c r="EY50" s="246"/>
      <c r="EZ50" s="246"/>
      <c r="FA50" s="246"/>
      <c r="FB50" s="246"/>
      <c r="FC50" s="246"/>
      <c r="FD50" s="246"/>
      <c r="FE50" s="246"/>
      <c r="FF50" s="246"/>
      <c r="FG50" s="246"/>
      <c r="FH50" s="246"/>
      <c r="FI50" s="246"/>
      <c r="FJ50" s="246"/>
      <c r="FK50" s="246"/>
      <c r="FL50" s="246"/>
      <c r="FM50" s="247"/>
      <c r="FN50" s="242"/>
      <c r="FO50" s="242"/>
      <c r="FP50" s="242"/>
      <c r="FQ50" s="242"/>
      <c r="FR50" s="242"/>
      <c r="FS50" s="242"/>
      <c r="FT50" s="242"/>
      <c r="FU50" s="242"/>
      <c r="FV50" s="242"/>
      <c r="FW50" s="242"/>
      <c r="FX50" s="242"/>
      <c r="FY50" s="242"/>
      <c r="FZ50" s="242"/>
      <c r="GA50" s="242"/>
      <c r="GB50" s="242"/>
      <c r="GC50" s="242"/>
      <c r="GD50" s="242"/>
      <c r="GE50" s="242"/>
      <c r="GF50" s="242"/>
      <c r="GG50" s="242"/>
      <c r="GH50" s="242"/>
      <c r="GI50" s="242"/>
      <c r="GJ50" s="242"/>
      <c r="GK50" s="242"/>
      <c r="GL50" s="242"/>
      <c r="GM50" s="242"/>
      <c r="GN50" s="242"/>
      <c r="GO50" s="242"/>
      <c r="GP50" s="242"/>
      <c r="GQ50" s="242"/>
      <c r="GR50" s="242"/>
      <c r="GS50" s="242"/>
      <c r="GT50" s="242"/>
      <c r="GU50" s="242"/>
      <c r="GV50" s="242"/>
      <c r="GW50" s="242"/>
      <c r="GX50" s="242"/>
      <c r="GY50" s="242"/>
      <c r="GZ50" s="242"/>
      <c r="HA50" s="242"/>
      <c r="HB50" s="242"/>
      <c r="HC50" s="242"/>
      <c r="HD50" s="242"/>
      <c r="HE50" s="242"/>
      <c r="HF50" s="242"/>
      <c r="HG50" s="242"/>
      <c r="HH50" s="242"/>
      <c r="HI50" s="242"/>
      <c r="HJ50" s="242"/>
      <c r="HK50" s="242"/>
      <c r="HL50" s="242"/>
      <c r="HM50" s="242"/>
      <c r="HN50" s="242"/>
      <c r="HO50" s="242"/>
      <c r="HP50" s="242"/>
      <c r="HQ50" s="242"/>
    </row>
    <row r="51" spans="2:225" ht="6" customHeight="1">
      <c r="B51" s="236"/>
      <c r="C51" s="236"/>
      <c r="D51" s="236"/>
      <c r="E51" s="236"/>
      <c r="F51" s="236"/>
      <c r="G51" s="236"/>
      <c r="H51" s="236"/>
      <c r="I51" s="236"/>
      <c r="J51" s="236"/>
      <c r="K51" s="236"/>
      <c r="L51" s="236"/>
      <c r="M51" s="236"/>
      <c r="N51" s="236"/>
      <c r="O51" s="236"/>
      <c r="P51" s="237"/>
      <c r="Q51" s="241"/>
      <c r="R51" s="293"/>
      <c r="S51" s="293"/>
      <c r="T51" s="293"/>
      <c r="U51" s="293"/>
      <c r="V51" s="293"/>
      <c r="W51" s="293"/>
      <c r="X51" s="293"/>
      <c r="Y51" s="293"/>
      <c r="Z51" s="293"/>
      <c r="AA51" s="293"/>
      <c r="AB51" s="293"/>
      <c r="AC51" s="293"/>
      <c r="AD51" s="293"/>
      <c r="AE51" s="293"/>
      <c r="AF51" s="293"/>
      <c r="AG51" s="293"/>
      <c r="AH51" s="293"/>
      <c r="AI51" s="293"/>
      <c r="AJ51" s="293"/>
      <c r="AK51" s="293"/>
      <c r="AL51" s="293"/>
      <c r="AM51" s="293"/>
      <c r="AN51" s="293"/>
      <c r="AO51" s="293"/>
      <c r="AP51" s="293"/>
      <c r="AQ51" s="293"/>
      <c r="AR51" s="293"/>
      <c r="AS51" s="293"/>
      <c r="AT51" s="293"/>
      <c r="AU51" s="293"/>
      <c r="AV51" s="293"/>
      <c r="AW51" s="293"/>
      <c r="AX51" s="293"/>
      <c r="AY51" s="293"/>
      <c r="AZ51" s="293"/>
      <c r="BA51" s="293"/>
      <c r="BB51" s="293"/>
      <c r="BC51" s="293"/>
      <c r="BD51" s="293"/>
      <c r="BE51" s="293"/>
      <c r="BF51" s="293"/>
      <c r="BG51" s="293"/>
      <c r="BH51" s="293"/>
      <c r="BI51" s="293"/>
      <c r="BJ51" s="293"/>
      <c r="BK51" s="293"/>
      <c r="BL51" s="293"/>
      <c r="BM51" s="293"/>
      <c r="BN51" s="293"/>
      <c r="BO51" s="293"/>
      <c r="BP51" s="293"/>
      <c r="BQ51" s="293"/>
      <c r="BR51" s="293"/>
      <c r="BS51" s="293"/>
      <c r="BT51" s="293"/>
      <c r="BU51" s="293"/>
      <c r="BV51" s="293"/>
      <c r="BW51" s="293"/>
      <c r="BX51" s="293"/>
      <c r="BY51" s="293"/>
      <c r="BZ51" s="293"/>
      <c r="CA51" s="293"/>
      <c r="CB51" s="293"/>
      <c r="CC51" s="293"/>
      <c r="CD51" s="293"/>
      <c r="CE51" s="293"/>
      <c r="CF51" s="293"/>
      <c r="CG51" s="294"/>
      <c r="CH51" s="241"/>
      <c r="CI51" s="242"/>
      <c r="CJ51" s="242"/>
      <c r="CK51" s="242"/>
      <c r="CL51" s="242"/>
      <c r="CM51" s="242"/>
      <c r="CN51" s="242"/>
      <c r="CO51" s="242"/>
      <c r="CP51" s="242"/>
      <c r="CQ51" s="242"/>
      <c r="CR51" s="242"/>
      <c r="CS51" s="242"/>
      <c r="CT51" s="242"/>
      <c r="CU51" s="242"/>
      <c r="CV51" s="242"/>
      <c r="CW51" s="242"/>
      <c r="CX51" s="242"/>
      <c r="CY51" s="242"/>
      <c r="CZ51" s="242"/>
      <c r="DA51" s="242"/>
      <c r="DB51" s="242"/>
      <c r="DC51" s="242"/>
      <c r="DD51" s="242"/>
      <c r="DE51" s="242"/>
      <c r="DF51" s="242"/>
      <c r="DG51" s="242"/>
      <c r="DH51" s="242"/>
      <c r="DI51" s="244"/>
      <c r="DJ51" s="244"/>
      <c r="DK51" s="244"/>
      <c r="DL51" s="244"/>
      <c r="DM51" s="244"/>
      <c r="DN51" s="244"/>
      <c r="DO51" s="244"/>
      <c r="DP51" s="244"/>
      <c r="DQ51" s="244"/>
      <c r="DR51" s="244"/>
      <c r="DS51" s="244"/>
      <c r="DT51" s="244"/>
      <c r="DU51" s="283"/>
      <c r="DV51" s="283"/>
      <c r="DW51" s="283"/>
      <c r="DX51" s="283"/>
      <c r="DY51" s="283"/>
      <c r="DZ51" s="283"/>
      <c r="EA51" s="283"/>
      <c r="EB51" s="283"/>
      <c r="EC51" s="283"/>
      <c r="ED51" s="283"/>
      <c r="EE51" s="283"/>
      <c r="EF51" s="283"/>
      <c r="EG51" s="248"/>
      <c r="EH51" s="249"/>
      <c r="EI51" s="249"/>
      <c r="EJ51" s="249"/>
      <c r="EK51" s="249"/>
      <c r="EL51" s="249"/>
      <c r="EM51" s="249"/>
      <c r="EN51" s="249"/>
      <c r="EO51" s="249"/>
      <c r="EP51" s="249"/>
      <c r="EQ51" s="249"/>
      <c r="ER51" s="249"/>
      <c r="ES51" s="249"/>
      <c r="ET51" s="249"/>
      <c r="EU51" s="250"/>
      <c r="EV51" s="248"/>
      <c r="EW51" s="249"/>
      <c r="EX51" s="249"/>
      <c r="EY51" s="249"/>
      <c r="EZ51" s="249"/>
      <c r="FA51" s="249"/>
      <c r="FB51" s="249"/>
      <c r="FC51" s="249"/>
      <c r="FD51" s="249"/>
      <c r="FE51" s="249"/>
      <c r="FF51" s="249"/>
      <c r="FG51" s="249"/>
      <c r="FH51" s="249"/>
      <c r="FI51" s="249"/>
      <c r="FJ51" s="249"/>
      <c r="FK51" s="249"/>
      <c r="FL51" s="249"/>
      <c r="FM51" s="250"/>
      <c r="FN51" s="242"/>
      <c r="FO51" s="242"/>
      <c r="FP51" s="242"/>
      <c r="FQ51" s="242"/>
      <c r="FR51" s="242"/>
      <c r="FS51" s="242"/>
      <c r="FT51" s="242"/>
      <c r="FU51" s="242"/>
      <c r="FV51" s="242"/>
      <c r="FW51" s="242"/>
      <c r="FX51" s="242"/>
      <c r="FY51" s="242"/>
      <c r="FZ51" s="242"/>
      <c r="GA51" s="242"/>
      <c r="GB51" s="242"/>
      <c r="GC51" s="242"/>
      <c r="GD51" s="242"/>
      <c r="GE51" s="242"/>
      <c r="GF51" s="242"/>
      <c r="GG51" s="242"/>
      <c r="GH51" s="242"/>
      <c r="GI51" s="242"/>
      <c r="GJ51" s="242"/>
      <c r="GK51" s="242"/>
      <c r="GL51" s="242"/>
      <c r="GM51" s="242"/>
      <c r="GN51" s="242"/>
      <c r="GO51" s="242"/>
      <c r="GP51" s="242"/>
      <c r="GQ51" s="242"/>
      <c r="GR51" s="242"/>
      <c r="GS51" s="242"/>
      <c r="GT51" s="242"/>
      <c r="GU51" s="242"/>
      <c r="GV51" s="242"/>
      <c r="GW51" s="242"/>
      <c r="GX51" s="242"/>
      <c r="GY51" s="242"/>
      <c r="GZ51" s="242"/>
      <c r="HA51" s="242"/>
      <c r="HB51" s="242"/>
      <c r="HC51" s="242"/>
      <c r="HD51" s="242"/>
      <c r="HE51" s="242"/>
      <c r="HF51" s="242"/>
      <c r="HG51" s="242"/>
      <c r="HH51" s="242"/>
      <c r="HI51" s="242"/>
      <c r="HJ51" s="242"/>
      <c r="HK51" s="242"/>
      <c r="HL51" s="242"/>
      <c r="HM51" s="242"/>
      <c r="HN51" s="242"/>
      <c r="HO51" s="242"/>
      <c r="HP51" s="242"/>
      <c r="HQ51" s="242"/>
    </row>
    <row r="52" spans="2:225" ht="6" customHeight="1">
      <c r="B52" s="236"/>
      <c r="C52" s="236"/>
      <c r="D52" s="236"/>
      <c r="E52" s="236"/>
      <c r="F52" s="236"/>
      <c r="G52" s="236"/>
      <c r="H52" s="236"/>
      <c r="I52" s="236"/>
      <c r="J52" s="236"/>
      <c r="K52" s="236"/>
      <c r="L52" s="236"/>
      <c r="M52" s="236"/>
      <c r="N52" s="236"/>
      <c r="O52" s="236"/>
      <c r="P52" s="237"/>
      <c r="Q52" s="241"/>
      <c r="R52" s="293"/>
      <c r="S52" s="293"/>
      <c r="T52" s="293"/>
      <c r="U52" s="293"/>
      <c r="V52" s="293"/>
      <c r="W52" s="293"/>
      <c r="X52" s="293"/>
      <c r="Y52" s="293"/>
      <c r="Z52" s="293"/>
      <c r="AA52" s="293"/>
      <c r="AB52" s="293"/>
      <c r="AC52" s="293"/>
      <c r="AD52" s="293"/>
      <c r="AE52" s="293"/>
      <c r="AF52" s="293"/>
      <c r="AG52" s="293"/>
      <c r="AH52" s="293"/>
      <c r="AI52" s="293"/>
      <c r="AJ52" s="293"/>
      <c r="AK52" s="293"/>
      <c r="AL52" s="293"/>
      <c r="AM52" s="293"/>
      <c r="AN52" s="293"/>
      <c r="AO52" s="293"/>
      <c r="AP52" s="293"/>
      <c r="AQ52" s="293"/>
      <c r="AR52" s="293"/>
      <c r="AS52" s="293"/>
      <c r="AT52" s="293"/>
      <c r="AU52" s="293"/>
      <c r="AV52" s="293"/>
      <c r="AW52" s="293"/>
      <c r="AX52" s="293"/>
      <c r="AY52" s="293"/>
      <c r="AZ52" s="293"/>
      <c r="BA52" s="293"/>
      <c r="BB52" s="293"/>
      <c r="BC52" s="293"/>
      <c r="BD52" s="293"/>
      <c r="BE52" s="293"/>
      <c r="BF52" s="293"/>
      <c r="BG52" s="293"/>
      <c r="BH52" s="293"/>
      <c r="BI52" s="293"/>
      <c r="BJ52" s="293"/>
      <c r="BK52" s="293"/>
      <c r="BL52" s="293"/>
      <c r="BM52" s="293"/>
      <c r="BN52" s="293"/>
      <c r="BO52" s="293"/>
      <c r="BP52" s="293"/>
      <c r="BQ52" s="293"/>
      <c r="BR52" s="293"/>
      <c r="BS52" s="293"/>
      <c r="BT52" s="293"/>
      <c r="BU52" s="293"/>
      <c r="BV52" s="293"/>
      <c r="BW52" s="293"/>
      <c r="BX52" s="293"/>
      <c r="BY52" s="293"/>
      <c r="BZ52" s="293"/>
      <c r="CA52" s="293"/>
      <c r="CB52" s="293"/>
      <c r="CC52" s="293"/>
      <c r="CD52" s="293"/>
      <c r="CE52" s="293"/>
      <c r="CF52" s="293"/>
      <c r="CG52" s="294"/>
      <c r="CH52" s="241"/>
      <c r="CI52" s="242"/>
      <c r="CJ52" s="242"/>
      <c r="CK52" s="242"/>
      <c r="CL52" s="242"/>
      <c r="CM52" s="242"/>
      <c r="CN52" s="242"/>
      <c r="CO52" s="242"/>
      <c r="CP52" s="242"/>
      <c r="CQ52" s="242"/>
      <c r="CR52" s="242"/>
      <c r="CS52" s="242"/>
      <c r="CT52" s="242"/>
      <c r="CU52" s="242"/>
      <c r="CV52" s="242"/>
      <c r="CW52" s="242"/>
      <c r="CX52" s="242"/>
      <c r="CY52" s="242"/>
      <c r="CZ52" s="242"/>
      <c r="DA52" s="242"/>
      <c r="DB52" s="242"/>
      <c r="DC52" s="242"/>
      <c r="DD52" s="242"/>
      <c r="DE52" s="242"/>
      <c r="DF52" s="242"/>
      <c r="DG52" s="242"/>
      <c r="DH52" s="242"/>
      <c r="DI52" s="244"/>
      <c r="DJ52" s="244"/>
      <c r="DK52" s="244"/>
      <c r="DL52" s="244"/>
      <c r="DM52" s="244"/>
      <c r="DN52" s="244"/>
      <c r="DO52" s="244"/>
      <c r="DP52" s="244"/>
      <c r="DQ52" s="244"/>
      <c r="DR52" s="244"/>
      <c r="DS52" s="244"/>
      <c r="DT52" s="244"/>
      <c r="DU52" s="283"/>
      <c r="DV52" s="283"/>
      <c r="DW52" s="283"/>
      <c r="DX52" s="283"/>
      <c r="DY52" s="283"/>
      <c r="DZ52" s="283"/>
      <c r="EA52" s="283"/>
      <c r="EB52" s="283"/>
      <c r="EC52" s="283"/>
      <c r="ED52" s="283"/>
      <c r="EE52" s="283"/>
      <c r="EF52" s="283"/>
      <c r="EG52" s="248"/>
      <c r="EH52" s="249"/>
      <c r="EI52" s="249"/>
      <c r="EJ52" s="249"/>
      <c r="EK52" s="249"/>
      <c r="EL52" s="249"/>
      <c r="EM52" s="249"/>
      <c r="EN52" s="249"/>
      <c r="EO52" s="249"/>
      <c r="EP52" s="249"/>
      <c r="EQ52" s="249"/>
      <c r="ER52" s="249"/>
      <c r="ES52" s="249"/>
      <c r="ET52" s="249"/>
      <c r="EU52" s="250"/>
      <c r="EV52" s="248"/>
      <c r="EW52" s="249"/>
      <c r="EX52" s="249"/>
      <c r="EY52" s="249"/>
      <c r="EZ52" s="249"/>
      <c r="FA52" s="249"/>
      <c r="FB52" s="249"/>
      <c r="FC52" s="249"/>
      <c r="FD52" s="249"/>
      <c r="FE52" s="249"/>
      <c r="FF52" s="249"/>
      <c r="FG52" s="249"/>
      <c r="FH52" s="249"/>
      <c r="FI52" s="249"/>
      <c r="FJ52" s="249"/>
      <c r="FK52" s="249"/>
      <c r="FL52" s="249"/>
      <c r="FM52" s="250"/>
      <c r="FN52" s="242"/>
      <c r="FO52" s="242"/>
      <c r="FP52" s="242"/>
      <c r="FQ52" s="242"/>
      <c r="FR52" s="242"/>
      <c r="FS52" s="242"/>
      <c r="FT52" s="242"/>
      <c r="FU52" s="242"/>
      <c r="FV52" s="242"/>
      <c r="FW52" s="242"/>
      <c r="FX52" s="242"/>
      <c r="FY52" s="242"/>
      <c r="FZ52" s="242"/>
      <c r="GA52" s="242"/>
      <c r="GB52" s="242"/>
      <c r="GC52" s="242"/>
      <c r="GD52" s="242"/>
      <c r="GE52" s="242"/>
      <c r="GF52" s="242"/>
      <c r="GG52" s="242"/>
      <c r="GH52" s="242"/>
      <c r="GI52" s="242"/>
      <c r="GJ52" s="242"/>
      <c r="GK52" s="242"/>
      <c r="GL52" s="242"/>
      <c r="GM52" s="242"/>
      <c r="GN52" s="242"/>
      <c r="GO52" s="242"/>
      <c r="GP52" s="242"/>
      <c r="GQ52" s="242"/>
      <c r="GR52" s="242"/>
      <c r="GS52" s="242"/>
      <c r="GT52" s="242"/>
      <c r="GU52" s="242"/>
      <c r="GV52" s="242"/>
      <c r="GW52" s="242"/>
      <c r="GX52" s="242"/>
      <c r="GY52" s="242"/>
      <c r="GZ52" s="242"/>
      <c r="HA52" s="242"/>
      <c r="HB52" s="242"/>
      <c r="HC52" s="242"/>
      <c r="HD52" s="242"/>
      <c r="HE52" s="242"/>
      <c r="HF52" s="242"/>
      <c r="HG52" s="242"/>
      <c r="HH52" s="242"/>
      <c r="HI52" s="242"/>
      <c r="HJ52" s="242"/>
      <c r="HK52" s="242"/>
      <c r="HL52" s="242"/>
      <c r="HM52" s="242"/>
      <c r="HN52" s="242"/>
      <c r="HO52" s="242"/>
      <c r="HP52" s="242"/>
      <c r="HQ52" s="242"/>
    </row>
    <row r="53" spans="2:225" ht="6" customHeight="1">
      <c r="B53" s="236"/>
      <c r="C53" s="236"/>
      <c r="D53" s="236"/>
      <c r="E53" s="236"/>
      <c r="F53" s="236"/>
      <c r="G53" s="236"/>
      <c r="H53" s="236"/>
      <c r="I53" s="236"/>
      <c r="J53" s="236"/>
      <c r="K53" s="236"/>
      <c r="L53" s="236"/>
      <c r="M53" s="236"/>
      <c r="N53" s="236"/>
      <c r="O53" s="236"/>
      <c r="P53" s="237"/>
      <c r="Q53" s="241"/>
      <c r="R53" s="293"/>
      <c r="S53" s="293"/>
      <c r="T53" s="293"/>
      <c r="U53" s="293"/>
      <c r="V53" s="293"/>
      <c r="W53" s="293"/>
      <c r="X53" s="293"/>
      <c r="Y53" s="293"/>
      <c r="Z53" s="293"/>
      <c r="AA53" s="293"/>
      <c r="AB53" s="293"/>
      <c r="AC53" s="293"/>
      <c r="AD53" s="293"/>
      <c r="AE53" s="293"/>
      <c r="AF53" s="293"/>
      <c r="AG53" s="293"/>
      <c r="AH53" s="293"/>
      <c r="AI53" s="293"/>
      <c r="AJ53" s="293"/>
      <c r="AK53" s="293"/>
      <c r="AL53" s="293"/>
      <c r="AM53" s="293"/>
      <c r="AN53" s="293"/>
      <c r="AO53" s="293"/>
      <c r="AP53" s="293"/>
      <c r="AQ53" s="293"/>
      <c r="AR53" s="293"/>
      <c r="AS53" s="293"/>
      <c r="AT53" s="293"/>
      <c r="AU53" s="293"/>
      <c r="AV53" s="293"/>
      <c r="AW53" s="293"/>
      <c r="AX53" s="293"/>
      <c r="AY53" s="293"/>
      <c r="AZ53" s="293"/>
      <c r="BA53" s="293"/>
      <c r="BB53" s="293"/>
      <c r="BC53" s="293"/>
      <c r="BD53" s="293"/>
      <c r="BE53" s="293"/>
      <c r="BF53" s="293"/>
      <c r="BG53" s="293"/>
      <c r="BH53" s="293"/>
      <c r="BI53" s="293"/>
      <c r="BJ53" s="293"/>
      <c r="BK53" s="293"/>
      <c r="BL53" s="293"/>
      <c r="BM53" s="293"/>
      <c r="BN53" s="293"/>
      <c r="BO53" s="293"/>
      <c r="BP53" s="293"/>
      <c r="BQ53" s="293"/>
      <c r="BR53" s="293"/>
      <c r="BS53" s="293"/>
      <c r="BT53" s="293"/>
      <c r="BU53" s="293"/>
      <c r="BV53" s="293"/>
      <c r="BW53" s="293"/>
      <c r="BX53" s="293"/>
      <c r="BY53" s="293"/>
      <c r="BZ53" s="293"/>
      <c r="CA53" s="293"/>
      <c r="CB53" s="293"/>
      <c r="CC53" s="293"/>
      <c r="CD53" s="293"/>
      <c r="CE53" s="293"/>
      <c r="CF53" s="293"/>
      <c r="CG53" s="294"/>
      <c r="CH53" s="241"/>
      <c r="CI53" s="242"/>
      <c r="CJ53" s="242"/>
      <c r="CK53" s="242"/>
      <c r="CL53" s="242"/>
      <c r="CM53" s="242"/>
      <c r="CN53" s="242"/>
      <c r="CO53" s="242"/>
      <c r="CP53" s="242"/>
      <c r="CQ53" s="242"/>
      <c r="CR53" s="242"/>
      <c r="CS53" s="242"/>
      <c r="CT53" s="242"/>
      <c r="CU53" s="242"/>
      <c r="CV53" s="242"/>
      <c r="CW53" s="242"/>
      <c r="CX53" s="242"/>
      <c r="CY53" s="242"/>
      <c r="CZ53" s="242"/>
      <c r="DA53" s="242"/>
      <c r="DB53" s="242"/>
      <c r="DC53" s="242"/>
      <c r="DD53" s="242"/>
      <c r="DE53" s="242"/>
      <c r="DF53" s="242"/>
      <c r="DG53" s="242"/>
      <c r="DH53" s="242"/>
      <c r="DI53" s="244"/>
      <c r="DJ53" s="244"/>
      <c r="DK53" s="244"/>
      <c r="DL53" s="244"/>
      <c r="DM53" s="244"/>
      <c r="DN53" s="244"/>
      <c r="DO53" s="244"/>
      <c r="DP53" s="244"/>
      <c r="DQ53" s="244"/>
      <c r="DR53" s="244"/>
      <c r="DS53" s="244"/>
      <c r="DT53" s="244"/>
      <c r="DU53" s="283"/>
      <c r="DV53" s="283"/>
      <c r="DW53" s="283"/>
      <c r="DX53" s="283"/>
      <c r="DY53" s="283"/>
      <c r="DZ53" s="283"/>
      <c r="EA53" s="283"/>
      <c r="EB53" s="283"/>
      <c r="EC53" s="283"/>
      <c r="ED53" s="283"/>
      <c r="EE53" s="283"/>
      <c r="EF53" s="283"/>
      <c r="EG53" s="251"/>
      <c r="EH53" s="252"/>
      <c r="EI53" s="252"/>
      <c r="EJ53" s="252"/>
      <c r="EK53" s="252"/>
      <c r="EL53" s="252"/>
      <c r="EM53" s="252"/>
      <c r="EN53" s="252"/>
      <c r="EO53" s="252"/>
      <c r="EP53" s="252"/>
      <c r="EQ53" s="252"/>
      <c r="ER53" s="252"/>
      <c r="ES53" s="252"/>
      <c r="ET53" s="252"/>
      <c r="EU53" s="253"/>
      <c r="EV53" s="251"/>
      <c r="EW53" s="252"/>
      <c r="EX53" s="252"/>
      <c r="EY53" s="252"/>
      <c r="EZ53" s="252"/>
      <c r="FA53" s="252"/>
      <c r="FB53" s="252"/>
      <c r="FC53" s="252"/>
      <c r="FD53" s="252"/>
      <c r="FE53" s="252"/>
      <c r="FF53" s="252"/>
      <c r="FG53" s="252"/>
      <c r="FH53" s="252"/>
      <c r="FI53" s="252"/>
      <c r="FJ53" s="252"/>
      <c r="FK53" s="252"/>
      <c r="FL53" s="252"/>
      <c r="FM53" s="253"/>
      <c r="FN53" s="242"/>
      <c r="FO53" s="242"/>
      <c r="FP53" s="242"/>
      <c r="FQ53" s="242"/>
      <c r="FR53" s="242"/>
      <c r="FS53" s="242"/>
      <c r="FT53" s="242"/>
      <c r="FU53" s="242"/>
      <c r="FV53" s="242"/>
      <c r="FW53" s="242"/>
      <c r="FX53" s="242"/>
      <c r="FY53" s="242"/>
      <c r="FZ53" s="242"/>
      <c r="GA53" s="242"/>
      <c r="GB53" s="242"/>
      <c r="GC53" s="242"/>
      <c r="GD53" s="242"/>
      <c r="GE53" s="242"/>
      <c r="GF53" s="242"/>
      <c r="GG53" s="242"/>
      <c r="GH53" s="242"/>
      <c r="GI53" s="242"/>
      <c r="GJ53" s="242"/>
      <c r="GK53" s="242"/>
      <c r="GL53" s="242"/>
      <c r="GM53" s="242"/>
      <c r="GN53" s="242"/>
      <c r="GO53" s="242"/>
      <c r="GP53" s="242"/>
      <c r="GQ53" s="242"/>
      <c r="GR53" s="242"/>
      <c r="GS53" s="242"/>
      <c r="GT53" s="242"/>
      <c r="GU53" s="242"/>
      <c r="GV53" s="242"/>
      <c r="GW53" s="242"/>
      <c r="GX53" s="242"/>
      <c r="GY53" s="242"/>
      <c r="GZ53" s="242"/>
      <c r="HA53" s="242"/>
      <c r="HB53" s="242"/>
      <c r="HC53" s="242"/>
      <c r="HD53" s="242"/>
      <c r="HE53" s="242"/>
      <c r="HF53" s="242"/>
      <c r="HG53" s="242"/>
      <c r="HH53" s="242"/>
      <c r="HI53" s="242"/>
      <c r="HJ53" s="242"/>
      <c r="HK53" s="242"/>
      <c r="HL53" s="242"/>
      <c r="HM53" s="242"/>
      <c r="HN53" s="242"/>
      <c r="HO53" s="242"/>
      <c r="HP53" s="242"/>
      <c r="HQ53" s="242"/>
    </row>
    <row r="54" spans="2:225" ht="6" customHeight="1">
      <c r="B54" s="236"/>
      <c r="C54" s="236"/>
      <c r="D54" s="236"/>
      <c r="E54" s="236"/>
      <c r="F54" s="236"/>
      <c r="G54" s="236"/>
      <c r="H54" s="236"/>
      <c r="I54" s="236"/>
      <c r="J54" s="236"/>
      <c r="K54" s="236"/>
      <c r="L54" s="236"/>
      <c r="M54" s="236"/>
      <c r="N54" s="236"/>
      <c r="O54" s="236"/>
      <c r="P54" s="237"/>
      <c r="Q54" s="241"/>
      <c r="R54" s="293"/>
      <c r="S54" s="293"/>
      <c r="T54" s="293"/>
      <c r="U54" s="293"/>
      <c r="V54" s="293"/>
      <c r="W54" s="293"/>
      <c r="X54" s="293"/>
      <c r="Y54" s="293"/>
      <c r="Z54" s="293"/>
      <c r="AA54" s="293"/>
      <c r="AB54" s="293"/>
      <c r="AC54" s="293"/>
      <c r="AD54" s="293"/>
      <c r="AE54" s="293"/>
      <c r="AF54" s="293"/>
      <c r="AG54" s="293"/>
      <c r="AH54" s="293"/>
      <c r="AI54" s="293"/>
      <c r="AJ54" s="293"/>
      <c r="AK54" s="293"/>
      <c r="AL54" s="293"/>
      <c r="AM54" s="293"/>
      <c r="AN54" s="293"/>
      <c r="AO54" s="293"/>
      <c r="AP54" s="293"/>
      <c r="AQ54" s="293"/>
      <c r="AR54" s="293"/>
      <c r="AS54" s="293"/>
      <c r="AT54" s="293"/>
      <c r="AU54" s="293"/>
      <c r="AV54" s="293"/>
      <c r="AW54" s="293"/>
      <c r="AX54" s="293"/>
      <c r="AY54" s="293"/>
      <c r="AZ54" s="293"/>
      <c r="BA54" s="293"/>
      <c r="BB54" s="293"/>
      <c r="BC54" s="293"/>
      <c r="BD54" s="293"/>
      <c r="BE54" s="293"/>
      <c r="BF54" s="293"/>
      <c r="BG54" s="293"/>
      <c r="BH54" s="293"/>
      <c r="BI54" s="293"/>
      <c r="BJ54" s="293"/>
      <c r="BK54" s="293"/>
      <c r="BL54" s="293"/>
      <c r="BM54" s="293"/>
      <c r="BN54" s="293"/>
      <c r="BO54" s="293"/>
      <c r="BP54" s="293"/>
      <c r="BQ54" s="293"/>
      <c r="BR54" s="293"/>
      <c r="BS54" s="293"/>
      <c r="BT54" s="293"/>
      <c r="BU54" s="293"/>
      <c r="BV54" s="293"/>
      <c r="BW54" s="293"/>
      <c r="BX54" s="293"/>
      <c r="BY54" s="293"/>
      <c r="BZ54" s="293"/>
      <c r="CA54" s="293"/>
      <c r="CB54" s="293"/>
      <c r="CC54" s="293"/>
      <c r="CD54" s="293"/>
      <c r="CE54" s="293"/>
      <c r="CF54" s="293"/>
      <c r="CG54" s="294"/>
      <c r="CH54" s="241"/>
      <c r="CI54" s="242"/>
      <c r="CJ54" s="242"/>
      <c r="CK54" s="242"/>
      <c r="CL54" s="242"/>
      <c r="CM54" s="242"/>
      <c r="CN54" s="242"/>
      <c r="CO54" s="242"/>
      <c r="CP54" s="242"/>
      <c r="CQ54" s="242"/>
      <c r="CR54" s="242"/>
      <c r="CS54" s="242"/>
      <c r="CT54" s="242"/>
      <c r="CU54" s="242"/>
      <c r="CV54" s="242"/>
      <c r="CW54" s="242"/>
      <c r="CX54" s="242"/>
      <c r="CY54" s="242"/>
      <c r="CZ54" s="242"/>
      <c r="DA54" s="242"/>
      <c r="DB54" s="242"/>
      <c r="DC54" s="242"/>
      <c r="DD54" s="242"/>
      <c r="DE54" s="242"/>
      <c r="DF54" s="242"/>
      <c r="DG54" s="242"/>
      <c r="DH54" s="242"/>
      <c r="DI54" s="244"/>
      <c r="DJ54" s="244"/>
      <c r="DK54" s="244"/>
      <c r="DL54" s="244"/>
      <c r="DM54" s="244"/>
      <c r="DN54" s="244"/>
      <c r="DO54" s="244"/>
      <c r="DP54" s="244"/>
      <c r="DQ54" s="244"/>
      <c r="DR54" s="244"/>
      <c r="DS54" s="244"/>
      <c r="DT54" s="244"/>
      <c r="DU54" s="283"/>
      <c r="DV54" s="283"/>
      <c r="DW54" s="283"/>
      <c r="DX54" s="283"/>
      <c r="DY54" s="283"/>
      <c r="DZ54" s="283"/>
      <c r="EA54" s="283"/>
      <c r="EB54" s="283"/>
      <c r="EC54" s="283"/>
      <c r="ED54" s="283"/>
      <c r="EE54" s="283"/>
      <c r="EF54" s="283"/>
      <c r="EG54" s="245"/>
      <c r="EH54" s="246"/>
      <c r="EI54" s="246"/>
      <c r="EJ54" s="246"/>
      <c r="EK54" s="246"/>
      <c r="EL54" s="246"/>
      <c r="EM54" s="246"/>
      <c r="EN54" s="246"/>
      <c r="EO54" s="246"/>
      <c r="EP54" s="246"/>
      <c r="EQ54" s="246"/>
      <c r="ER54" s="246"/>
      <c r="ES54" s="246"/>
      <c r="ET54" s="246"/>
      <c r="EU54" s="247"/>
      <c r="EV54" s="245"/>
      <c r="EW54" s="246"/>
      <c r="EX54" s="246"/>
      <c r="EY54" s="246"/>
      <c r="EZ54" s="246"/>
      <c r="FA54" s="246"/>
      <c r="FB54" s="246"/>
      <c r="FC54" s="246"/>
      <c r="FD54" s="246"/>
      <c r="FE54" s="246"/>
      <c r="FF54" s="246"/>
      <c r="FG54" s="246"/>
      <c r="FH54" s="246"/>
      <c r="FI54" s="246"/>
      <c r="FJ54" s="246"/>
      <c r="FK54" s="246"/>
      <c r="FL54" s="246"/>
      <c r="FM54" s="247"/>
      <c r="FN54" s="242"/>
      <c r="FO54" s="242"/>
      <c r="FP54" s="242"/>
      <c r="FQ54" s="242"/>
      <c r="FR54" s="242"/>
      <c r="FS54" s="242"/>
      <c r="FT54" s="242"/>
      <c r="FU54" s="242"/>
      <c r="FV54" s="242"/>
      <c r="FW54" s="242"/>
      <c r="FX54" s="242"/>
      <c r="FY54" s="242"/>
      <c r="FZ54" s="242"/>
      <c r="GA54" s="242"/>
      <c r="GB54" s="242"/>
      <c r="GC54" s="242"/>
      <c r="GD54" s="242"/>
      <c r="GE54" s="242"/>
      <c r="GF54" s="242"/>
      <c r="GG54" s="242"/>
      <c r="GH54" s="242"/>
      <c r="GI54" s="242"/>
      <c r="GJ54" s="242"/>
      <c r="GK54" s="242"/>
      <c r="GL54" s="242"/>
      <c r="GM54" s="242"/>
      <c r="GN54" s="242"/>
      <c r="GO54" s="242"/>
      <c r="GP54" s="242"/>
      <c r="GQ54" s="242"/>
      <c r="GR54" s="242"/>
      <c r="GS54" s="242"/>
      <c r="GT54" s="242"/>
      <c r="GU54" s="242"/>
      <c r="GV54" s="242"/>
      <c r="GW54" s="242"/>
      <c r="GX54" s="242"/>
      <c r="GY54" s="242"/>
      <c r="GZ54" s="242"/>
      <c r="HA54" s="242"/>
      <c r="HB54" s="242"/>
      <c r="HC54" s="242"/>
      <c r="HD54" s="242"/>
      <c r="HE54" s="242"/>
      <c r="HF54" s="242"/>
      <c r="HG54" s="242"/>
      <c r="HH54" s="242"/>
      <c r="HI54" s="242"/>
      <c r="HJ54" s="242"/>
      <c r="HK54" s="242"/>
      <c r="HL54" s="242"/>
      <c r="HM54" s="242"/>
      <c r="HN54" s="242"/>
      <c r="HO54" s="242"/>
      <c r="HP54" s="242"/>
      <c r="HQ54" s="242"/>
    </row>
    <row r="55" spans="2:225" ht="6" customHeight="1">
      <c r="B55" s="236"/>
      <c r="C55" s="236"/>
      <c r="D55" s="236"/>
      <c r="E55" s="236"/>
      <c r="F55" s="236"/>
      <c r="G55" s="236"/>
      <c r="H55" s="236"/>
      <c r="I55" s="236"/>
      <c r="J55" s="236"/>
      <c r="K55" s="236"/>
      <c r="L55" s="236"/>
      <c r="M55" s="236"/>
      <c r="N55" s="236"/>
      <c r="O55" s="236"/>
      <c r="P55" s="237"/>
      <c r="Q55" s="241"/>
      <c r="R55" s="293"/>
      <c r="S55" s="293"/>
      <c r="T55" s="293"/>
      <c r="U55" s="293"/>
      <c r="V55" s="293"/>
      <c r="W55" s="293"/>
      <c r="X55" s="293"/>
      <c r="Y55" s="293"/>
      <c r="Z55" s="293"/>
      <c r="AA55" s="293"/>
      <c r="AB55" s="293"/>
      <c r="AC55" s="293"/>
      <c r="AD55" s="293"/>
      <c r="AE55" s="293"/>
      <c r="AF55" s="293"/>
      <c r="AG55" s="293"/>
      <c r="AH55" s="293"/>
      <c r="AI55" s="293"/>
      <c r="AJ55" s="293"/>
      <c r="AK55" s="293"/>
      <c r="AL55" s="293"/>
      <c r="AM55" s="293"/>
      <c r="AN55" s="293"/>
      <c r="AO55" s="293"/>
      <c r="AP55" s="293"/>
      <c r="AQ55" s="293"/>
      <c r="AR55" s="293"/>
      <c r="AS55" s="293"/>
      <c r="AT55" s="293"/>
      <c r="AU55" s="293"/>
      <c r="AV55" s="293"/>
      <c r="AW55" s="293"/>
      <c r="AX55" s="293"/>
      <c r="AY55" s="293"/>
      <c r="AZ55" s="293"/>
      <c r="BA55" s="293"/>
      <c r="BB55" s="293"/>
      <c r="BC55" s="293"/>
      <c r="BD55" s="293"/>
      <c r="BE55" s="293"/>
      <c r="BF55" s="293"/>
      <c r="BG55" s="293"/>
      <c r="BH55" s="293"/>
      <c r="BI55" s="293"/>
      <c r="BJ55" s="293"/>
      <c r="BK55" s="293"/>
      <c r="BL55" s="293"/>
      <c r="BM55" s="293"/>
      <c r="BN55" s="293"/>
      <c r="BO55" s="293"/>
      <c r="BP55" s="293"/>
      <c r="BQ55" s="293"/>
      <c r="BR55" s="293"/>
      <c r="BS55" s="293"/>
      <c r="BT55" s="293"/>
      <c r="BU55" s="293"/>
      <c r="BV55" s="293"/>
      <c r="BW55" s="293"/>
      <c r="BX55" s="293"/>
      <c r="BY55" s="293"/>
      <c r="BZ55" s="293"/>
      <c r="CA55" s="293"/>
      <c r="CB55" s="293"/>
      <c r="CC55" s="293"/>
      <c r="CD55" s="293"/>
      <c r="CE55" s="293"/>
      <c r="CF55" s="293"/>
      <c r="CG55" s="294"/>
      <c r="CH55" s="241"/>
      <c r="CI55" s="242"/>
      <c r="CJ55" s="242"/>
      <c r="CK55" s="242"/>
      <c r="CL55" s="242"/>
      <c r="CM55" s="242"/>
      <c r="CN55" s="242"/>
      <c r="CO55" s="242"/>
      <c r="CP55" s="242"/>
      <c r="CQ55" s="242"/>
      <c r="CR55" s="242"/>
      <c r="CS55" s="242"/>
      <c r="CT55" s="242"/>
      <c r="CU55" s="242"/>
      <c r="CV55" s="242"/>
      <c r="CW55" s="242"/>
      <c r="CX55" s="242"/>
      <c r="CY55" s="242"/>
      <c r="CZ55" s="242"/>
      <c r="DA55" s="242"/>
      <c r="DB55" s="242"/>
      <c r="DC55" s="242"/>
      <c r="DD55" s="242"/>
      <c r="DE55" s="242"/>
      <c r="DF55" s="242"/>
      <c r="DG55" s="242"/>
      <c r="DH55" s="242"/>
      <c r="DI55" s="244"/>
      <c r="DJ55" s="244"/>
      <c r="DK55" s="244"/>
      <c r="DL55" s="244"/>
      <c r="DM55" s="244"/>
      <c r="DN55" s="244"/>
      <c r="DO55" s="244"/>
      <c r="DP55" s="244"/>
      <c r="DQ55" s="244"/>
      <c r="DR55" s="244"/>
      <c r="DS55" s="244"/>
      <c r="DT55" s="244"/>
      <c r="DU55" s="283"/>
      <c r="DV55" s="283"/>
      <c r="DW55" s="283"/>
      <c r="DX55" s="283"/>
      <c r="DY55" s="283"/>
      <c r="DZ55" s="283"/>
      <c r="EA55" s="283"/>
      <c r="EB55" s="283"/>
      <c r="EC55" s="283"/>
      <c r="ED55" s="283"/>
      <c r="EE55" s="283"/>
      <c r="EF55" s="283"/>
      <c r="EG55" s="248"/>
      <c r="EH55" s="249"/>
      <c r="EI55" s="249"/>
      <c r="EJ55" s="249"/>
      <c r="EK55" s="249"/>
      <c r="EL55" s="249"/>
      <c r="EM55" s="249"/>
      <c r="EN55" s="249"/>
      <c r="EO55" s="249"/>
      <c r="EP55" s="249"/>
      <c r="EQ55" s="249"/>
      <c r="ER55" s="249"/>
      <c r="ES55" s="249"/>
      <c r="ET55" s="249"/>
      <c r="EU55" s="250"/>
      <c r="EV55" s="248"/>
      <c r="EW55" s="249"/>
      <c r="EX55" s="249"/>
      <c r="EY55" s="249"/>
      <c r="EZ55" s="249"/>
      <c r="FA55" s="249"/>
      <c r="FB55" s="249"/>
      <c r="FC55" s="249"/>
      <c r="FD55" s="249"/>
      <c r="FE55" s="249"/>
      <c r="FF55" s="249"/>
      <c r="FG55" s="249"/>
      <c r="FH55" s="249"/>
      <c r="FI55" s="249"/>
      <c r="FJ55" s="249"/>
      <c r="FK55" s="249"/>
      <c r="FL55" s="249"/>
      <c r="FM55" s="250"/>
      <c r="FN55" s="242"/>
      <c r="FO55" s="242"/>
      <c r="FP55" s="242"/>
      <c r="FQ55" s="242"/>
      <c r="FR55" s="242"/>
      <c r="FS55" s="242"/>
      <c r="FT55" s="242"/>
      <c r="FU55" s="242"/>
      <c r="FV55" s="242"/>
      <c r="FW55" s="242"/>
      <c r="FX55" s="242"/>
      <c r="FY55" s="242"/>
      <c r="FZ55" s="242"/>
      <c r="GA55" s="242"/>
      <c r="GB55" s="242"/>
      <c r="GC55" s="242"/>
      <c r="GD55" s="242"/>
      <c r="GE55" s="242"/>
      <c r="GF55" s="242"/>
      <c r="GG55" s="242"/>
      <c r="GH55" s="242"/>
      <c r="GI55" s="242"/>
      <c r="GJ55" s="242"/>
      <c r="GK55" s="242"/>
      <c r="GL55" s="242"/>
      <c r="GM55" s="242"/>
      <c r="GN55" s="242"/>
      <c r="GO55" s="242"/>
      <c r="GP55" s="242"/>
      <c r="GQ55" s="242"/>
      <c r="GR55" s="242"/>
      <c r="GS55" s="242"/>
      <c r="GT55" s="242"/>
      <c r="GU55" s="242"/>
      <c r="GV55" s="242"/>
      <c r="GW55" s="242"/>
      <c r="GX55" s="242"/>
      <c r="GY55" s="242"/>
      <c r="GZ55" s="242"/>
      <c r="HA55" s="242"/>
      <c r="HB55" s="242"/>
      <c r="HC55" s="242"/>
      <c r="HD55" s="242"/>
      <c r="HE55" s="242"/>
      <c r="HF55" s="242"/>
      <c r="HG55" s="242"/>
      <c r="HH55" s="242"/>
      <c r="HI55" s="242"/>
      <c r="HJ55" s="242"/>
      <c r="HK55" s="242"/>
      <c r="HL55" s="242"/>
      <c r="HM55" s="242"/>
      <c r="HN55" s="242"/>
      <c r="HO55" s="242"/>
      <c r="HP55" s="242"/>
      <c r="HQ55" s="242"/>
    </row>
    <row r="56" spans="2:225" ht="6" customHeight="1">
      <c r="B56" s="236"/>
      <c r="C56" s="236"/>
      <c r="D56" s="236"/>
      <c r="E56" s="236"/>
      <c r="F56" s="236"/>
      <c r="G56" s="236"/>
      <c r="H56" s="236"/>
      <c r="I56" s="236"/>
      <c r="J56" s="236"/>
      <c r="K56" s="236"/>
      <c r="L56" s="236"/>
      <c r="M56" s="236"/>
      <c r="N56" s="236"/>
      <c r="O56" s="236"/>
      <c r="P56" s="237"/>
      <c r="Q56" s="241"/>
      <c r="R56" s="293"/>
      <c r="S56" s="293"/>
      <c r="T56" s="293"/>
      <c r="U56" s="293"/>
      <c r="V56" s="293"/>
      <c r="W56" s="293"/>
      <c r="X56" s="293"/>
      <c r="Y56" s="293"/>
      <c r="Z56" s="293"/>
      <c r="AA56" s="293"/>
      <c r="AB56" s="293"/>
      <c r="AC56" s="293"/>
      <c r="AD56" s="293"/>
      <c r="AE56" s="293"/>
      <c r="AF56" s="293"/>
      <c r="AG56" s="293"/>
      <c r="AH56" s="293"/>
      <c r="AI56" s="293"/>
      <c r="AJ56" s="293"/>
      <c r="AK56" s="293"/>
      <c r="AL56" s="293"/>
      <c r="AM56" s="293"/>
      <c r="AN56" s="293"/>
      <c r="AO56" s="293"/>
      <c r="AP56" s="293"/>
      <c r="AQ56" s="293"/>
      <c r="AR56" s="293"/>
      <c r="AS56" s="293"/>
      <c r="AT56" s="293"/>
      <c r="AU56" s="293"/>
      <c r="AV56" s="293"/>
      <c r="AW56" s="293"/>
      <c r="AX56" s="293"/>
      <c r="AY56" s="293"/>
      <c r="AZ56" s="293"/>
      <c r="BA56" s="293"/>
      <c r="BB56" s="293"/>
      <c r="BC56" s="293"/>
      <c r="BD56" s="293"/>
      <c r="BE56" s="293"/>
      <c r="BF56" s="293"/>
      <c r="BG56" s="293"/>
      <c r="BH56" s="293"/>
      <c r="BI56" s="293"/>
      <c r="BJ56" s="293"/>
      <c r="BK56" s="293"/>
      <c r="BL56" s="293"/>
      <c r="BM56" s="293"/>
      <c r="BN56" s="293"/>
      <c r="BO56" s="293"/>
      <c r="BP56" s="293"/>
      <c r="BQ56" s="293"/>
      <c r="BR56" s="293"/>
      <c r="BS56" s="293"/>
      <c r="BT56" s="293"/>
      <c r="BU56" s="293"/>
      <c r="BV56" s="293"/>
      <c r="BW56" s="293"/>
      <c r="BX56" s="293"/>
      <c r="BY56" s="293"/>
      <c r="BZ56" s="293"/>
      <c r="CA56" s="293"/>
      <c r="CB56" s="293"/>
      <c r="CC56" s="293"/>
      <c r="CD56" s="293"/>
      <c r="CE56" s="293"/>
      <c r="CF56" s="293"/>
      <c r="CG56" s="294"/>
      <c r="CH56" s="241"/>
      <c r="CI56" s="242"/>
      <c r="CJ56" s="242"/>
      <c r="CK56" s="242"/>
      <c r="CL56" s="242"/>
      <c r="CM56" s="242"/>
      <c r="CN56" s="242"/>
      <c r="CO56" s="242"/>
      <c r="CP56" s="242"/>
      <c r="CQ56" s="242"/>
      <c r="CR56" s="242"/>
      <c r="CS56" s="242"/>
      <c r="CT56" s="242"/>
      <c r="CU56" s="242"/>
      <c r="CV56" s="242"/>
      <c r="CW56" s="242"/>
      <c r="CX56" s="242"/>
      <c r="CY56" s="242"/>
      <c r="CZ56" s="242"/>
      <c r="DA56" s="242"/>
      <c r="DB56" s="242"/>
      <c r="DC56" s="242"/>
      <c r="DD56" s="242"/>
      <c r="DE56" s="242"/>
      <c r="DF56" s="242"/>
      <c r="DG56" s="242"/>
      <c r="DH56" s="242"/>
      <c r="DI56" s="244"/>
      <c r="DJ56" s="244"/>
      <c r="DK56" s="244"/>
      <c r="DL56" s="244"/>
      <c r="DM56" s="244"/>
      <c r="DN56" s="244"/>
      <c r="DO56" s="244"/>
      <c r="DP56" s="244"/>
      <c r="DQ56" s="244"/>
      <c r="DR56" s="244"/>
      <c r="DS56" s="244"/>
      <c r="DT56" s="244"/>
      <c r="DU56" s="283"/>
      <c r="DV56" s="283"/>
      <c r="DW56" s="283"/>
      <c r="DX56" s="283"/>
      <c r="DY56" s="283"/>
      <c r="DZ56" s="283"/>
      <c r="EA56" s="283"/>
      <c r="EB56" s="283"/>
      <c r="EC56" s="283"/>
      <c r="ED56" s="283"/>
      <c r="EE56" s="283"/>
      <c r="EF56" s="283"/>
      <c r="EG56" s="248"/>
      <c r="EH56" s="249"/>
      <c r="EI56" s="249"/>
      <c r="EJ56" s="249"/>
      <c r="EK56" s="249"/>
      <c r="EL56" s="249"/>
      <c r="EM56" s="249"/>
      <c r="EN56" s="249"/>
      <c r="EO56" s="249"/>
      <c r="EP56" s="249"/>
      <c r="EQ56" s="249"/>
      <c r="ER56" s="249"/>
      <c r="ES56" s="249"/>
      <c r="ET56" s="249"/>
      <c r="EU56" s="250"/>
      <c r="EV56" s="248"/>
      <c r="EW56" s="249"/>
      <c r="EX56" s="249"/>
      <c r="EY56" s="249"/>
      <c r="EZ56" s="249"/>
      <c r="FA56" s="249"/>
      <c r="FB56" s="249"/>
      <c r="FC56" s="249"/>
      <c r="FD56" s="249"/>
      <c r="FE56" s="249"/>
      <c r="FF56" s="249"/>
      <c r="FG56" s="249"/>
      <c r="FH56" s="249"/>
      <c r="FI56" s="249"/>
      <c r="FJ56" s="249"/>
      <c r="FK56" s="249"/>
      <c r="FL56" s="249"/>
      <c r="FM56" s="250"/>
      <c r="FN56" s="242"/>
      <c r="FO56" s="242"/>
      <c r="FP56" s="242"/>
      <c r="FQ56" s="242"/>
      <c r="FR56" s="242"/>
      <c r="FS56" s="242"/>
      <c r="FT56" s="242"/>
      <c r="FU56" s="242"/>
      <c r="FV56" s="242"/>
      <c r="FW56" s="242"/>
      <c r="FX56" s="242"/>
      <c r="FY56" s="242"/>
      <c r="FZ56" s="242"/>
      <c r="GA56" s="242"/>
      <c r="GB56" s="242"/>
      <c r="GC56" s="242"/>
      <c r="GD56" s="242"/>
      <c r="GE56" s="242"/>
      <c r="GF56" s="242"/>
      <c r="GG56" s="242"/>
      <c r="GH56" s="242"/>
      <c r="GI56" s="242"/>
      <c r="GJ56" s="242"/>
      <c r="GK56" s="242"/>
      <c r="GL56" s="242"/>
      <c r="GM56" s="242"/>
      <c r="GN56" s="242"/>
      <c r="GO56" s="242"/>
      <c r="GP56" s="242"/>
      <c r="GQ56" s="242"/>
      <c r="GR56" s="242"/>
      <c r="GS56" s="242"/>
      <c r="GT56" s="242"/>
      <c r="GU56" s="242"/>
      <c r="GV56" s="242"/>
      <c r="GW56" s="242"/>
      <c r="GX56" s="242"/>
      <c r="GY56" s="242"/>
      <c r="GZ56" s="242"/>
      <c r="HA56" s="242"/>
      <c r="HB56" s="242"/>
      <c r="HC56" s="242"/>
      <c r="HD56" s="242"/>
      <c r="HE56" s="242"/>
      <c r="HF56" s="242"/>
      <c r="HG56" s="242"/>
      <c r="HH56" s="242"/>
      <c r="HI56" s="242"/>
      <c r="HJ56" s="242"/>
      <c r="HK56" s="242"/>
      <c r="HL56" s="242"/>
      <c r="HM56" s="242"/>
      <c r="HN56" s="242"/>
      <c r="HO56" s="242"/>
      <c r="HP56" s="242"/>
      <c r="HQ56" s="242"/>
    </row>
    <row r="57" spans="2:225" ht="6" customHeight="1">
      <c r="B57" s="236"/>
      <c r="C57" s="236"/>
      <c r="D57" s="236"/>
      <c r="E57" s="236"/>
      <c r="F57" s="236"/>
      <c r="G57" s="236"/>
      <c r="H57" s="236"/>
      <c r="I57" s="236"/>
      <c r="J57" s="236"/>
      <c r="K57" s="236"/>
      <c r="L57" s="236"/>
      <c r="M57" s="236"/>
      <c r="N57" s="236"/>
      <c r="O57" s="236"/>
      <c r="P57" s="237"/>
      <c r="Q57" s="241"/>
      <c r="R57" s="293"/>
      <c r="S57" s="293"/>
      <c r="T57" s="293"/>
      <c r="U57" s="293"/>
      <c r="V57" s="293"/>
      <c r="W57" s="293"/>
      <c r="X57" s="293"/>
      <c r="Y57" s="293"/>
      <c r="Z57" s="293"/>
      <c r="AA57" s="293"/>
      <c r="AB57" s="293"/>
      <c r="AC57" s="293"/>
      <c r="AD57" s="293"/>
      <c r="AE57" s="293"/>
      <c r="AF57" s="293"/>
      <c r="AG57" s="293"/>
      <c r="AH57" s="293"/>
      <c r="AI57" s="293"/>
      <c r="AJ57" s="293"/>
      <c r="AK57" s="293"/>
      <c r="AL57" s="293"/>
      <c r="AM57" s="293"/>
      <c r="AN57" s="293"/>
      <c r="AO57" s="293"/>
      <c r="AP57" s="293"/>
      <c r="AQ57" s="293"/>
      <c r="AR57" s="293"/>
      <c r="AS57" s="293"/>
      <c r="AT57" s="293"/>
      <c r="AU57" s="293"/>
      <c r="AV57" s="293"/>
      <c r="AW57" s="293"/>
      <c r="AX57" s="293"/>
      <c r="AY57" s="293"/>
      <c r="AZ57" s="293"/>
      <c r="BA57" s="293"/>
      <c r="BB57" s="293"/>
      <c r="BC57" s="293"/>
      <c r="BD57" s="293"/>
      <c r="BE57" s="293"/>
      <c r="BF57" s="293"/>
      <c r="BG57" s="293"/>
      <c r="BH57" s="293"/>
      <c r="BI57" s="293"/>
      <c r="BJ57" s="293"/>
      <c r="BK57" s="293"/>
      <c r="BL57" s="293"/>
      <c r="BM57" s="293"/>
      <c r="BN57" s="293"/>
      <c r="BO57" s="293"/>
      <c r="BP57" s="293"/>
      <c r="BQ57" s="293"/>
      <c r="BR57" s="293"/>
      <c r="BS57" s="293"/>
      <c r="BT57" s="293"/>
      <c r="BU57" s="293"/>
      <c r="BV57" s="293"/>
      <c r="BW57" s="293"/>
      <c r="BX57" s="293"/>
      <c r="BY57" s="293"/>
      <c r="BZ57" s="293"/>
      <c r="CA57" s="293"/>
      <c r="CB57" s="293"/>
      <c r="CC57" s="293"/>
      <c r="CD57" s="293"/>
      <c r="CE57" s="293"/>
      <c r="CF57" s="293"/>
      <c r="CG57" s="294"/>
      <c r="CH57" s="241"/>
      <c r="CI57" s="242"/>
      <c r="CJ57" s="242"/>
      <c r="CK57" s="242"/>
      <c r="CL57" s="242"/>
      <c r="CM57" s="242"/>
      <c r="CN57" s="242"/>
      <c r="CO57" s="242"/>
      <c r="CP57" s="242"/>
      <c r="CQ57" s="242"/>
      <c r="CR57" s="242"/>
      <c r="CS57" s="242"/>
      <c r="CT57" s="242"/>
      <c r="CU57" s="242"/>
      <c r="CV57" s="242"/>
      <c r="CW57" s="242"/>
      <c r="CX57" s="242"/>
      <c r="CY57" s="242"/>
      <c r="CZ57" s="242"/>
      <c r="DA57" s="242"/>
      <c r="DB57" s="242"/>
      <c r="DC57" s="242"/>
      <c r="DD57" s="242"/>
      <c r="DE57" s="242"/>
      <c r="DF57" s="242"/>
      <c r="DG57" s="242"/>
      <c r="DH57" s="242"/>
      <c r="DI57" s="244"/>
      <c r="DJ57" s="244"/>
      <c r="DK57" s="244"/>
      <c r="DL57" s="244"/>
      <c r="DM57" s="244"/>
      <c r="DN57" s="244"/>
      <c r="DO57" s="244"/>
      <c r="DP57" s="244"/>
      <c r="DQ57" s="244"/>
      <c r="DR57" s="244"/>
      <c r="DS57" s="244"/>
      <c r="DT57" s="244"/>
      <c r="DU57" s="283"/>
      <c r="DV57" s="283"/>
      <c r="DW57" s="283"/>
      <c r="DX57" s="283"/>
      <c r="DY57" s="283"/>
      <c r="DZ57" s="283"/>
      <c r="EA57" s="283"/>
      <c r="EB57" s="283"/>
      <c r="EC57" s="283"/>
      <c r="ED57" s="283"/>
      <c r="EE57" s="283"/>
      <c r="EF57" s="283"/>
      <c r="EG57" s="251"/>
      <c r="EH57" s="252"/>
      <c r="EI57" s="252"/>
      <c r="EJ57" s="252"/>
      <c r="EK57" s="252"/>
      <c r="EL57" s="252"/>
      <c r="EM57" s="252"/>
      <c r="EN57" s="252"/>
      <c r="EO57" s="252"/>
      <c r="EP57" s="252"/>
      <c r="EQ57" s="252"/>
      <c r="ER57" s="252"/>
      <c r="ES57" s="252"/>
      <c r="ET57" s="252"/>
      <c r="EU57" s="253"/>
      <c r="EV57" s="251"/>
      <c r="EW57" s="252"/>
      <c r="EX57" s="252"/>
      <c r="EY57" s="252"/>
      <c r="EZ57" s="252"/>
      <c r="FA57" s="252"/>
      <c r="FB57" s="252"/>
      <c r="FC57" s="252"/>
      <c r="FD57" s="252"/>
      <c r="FE57" s="252"/>
      <c r="FF57" s="252"/>
      <c r="FG57" s="252"/>
      <c r="FH57" s="252"/>
      <c r="FI57" s="252"/>
      <c r="FJ57" s="252"/>
      <c r="FK57" s="252"/>
      <c r="FL57" s="252"/>
      <c r="FM57" s="253"/>
      <c r="FN57" s="242"/>
      <c r="FO57" s="242"/>
      <c r="FP57" s="242"/>
      <c r="FQ57" s="242"/>
      <c r="FR57" s="242"/>
      <c r="FS57" s="242"/>
      <c r="FT57" s="242"/>
      <c r="FU57" s="242"/>
      <c r="FV57" s="242"/>
      <c r="FW57" s="242"/>
      <c r="FX57" s="242"/>
      <c r="FY57" s="242"/>
      <c r="FZ57" s="242"/>
      <c r="GA57" s="242"/>
      <c r="GB57" s="242"/>
      <c r="GC57" s="242"/>
      <c r="GD57" s="242"/>
      <c r="GE57" s="242"/>
      <c r="GF57" s="242"/>
      <c r="GG57" s="242"/>
      <c r="GH57" s="242"/>
      <c r="GI57" s="242"/>
      <c r="GJ57" s="242"/>
      <c r="GK57" s="242"/>
      <c r="GL57" s="242"/>
      <c r="GM57" s="242"/>
      <c r="GN57" s="242"/>
      <c r="GO57" s="242"/>
      <c r="GP57" s="242"/>
      <c r="GQ57" s="242"/>
      <c r="GR57" s="242"/>
      <c r="GS57" s="242"/>
      <c r="GT57" s="242"/>
      <c r="GU57" s="242"/>
      <c r="GV57" s="242"/>
      <c r="GW57" s="242"/>
      <c r="GX57" s="242"/>
      <c r="GY57" s="242"/>
      <c r="GZ57" s="242"/>
      <c r="HA57" s="242"/>
      <c r="HB57" s="242"/>
      <c r="HC57" s="242"/>
      <c r="HD57" s="242"/>
      <c r="HE57" s="242"/>
      <c r="HF57" s="242"/>
      <c r="HG57" s="242"/>
      <c r="HH57" s="242"/>
      <c r="HI57" s="242"/>
      <c r="HJ57" s="242"/>
      <c r="HK57" s="242"/>
      <c r="HL57" s="242"/>
      <c r="HM57" s="242"/>
      <c r="HN57" s="242"/>
      <c r="HO57" s="242"/>
      <c r="HP57" s="242"/>
      <c r="HQ57" s="242"/>
    </row>
    <row r="58" spans="2:225" ht="6" customHeight="1">
      <c r="B58" s="236"/>
      <c r="C58" s="236"/>
      <c r="D58" s="236"/>
      <c r="E58" s="236"/>
      <c r="F58" s="236"/>
      <c r="G58" s="236"/>
      <c r="H58" s="236"/>
      <c r="I58" s="236"/>
      <c r="J58" s="236"/>
      <c r="K58" s="236"/>
      <c r="L58" s="236"/>
      <c r="M58" s="236"/>
      <c r="N58" s="236"/>
      <c r="O58" s="236"/>
      <c r="P58" s="237"/>
      <c r="Q58" s="241"/>
      <c r="R58" s="293"/>
      <c r="S58" s="293"/>
      <c r="T58" s="293"/>
      <c r="U58" s="293"/>
      <c r="V58" s="293"/>
      <c r="W58" s="293"/>
      <c r="X58" s="293"/>
      <c r="Y58" s="293"/>
      <c r="Z58" s="293"/>
      <c r="AA58" s="293"/>
      <c r="AB58" s="293"/>
      <c r="AC58" s="293"/>
      <c r="AD58" s="293"/>
      <c r="AE58" s="293"/>
      <c r="AF58" s="293"/>
      <c r="AG58" s="293"/>
      <c r="AH58" s="293"/>
      <c r="AI58" s="293"/>
      <c r="AJ58" s="293"/>
      <c r="AK58" s="293"/>
      <c r="AL58" s="293"/>
      <c r="AM58" s="293"/>
      <c r="AN58" s="293"/>
      <c r="AO58" s="293"/>
      <c r="AP58" s="293"/>
      <c r="AQ58" s="293"/>
      <c r="AR58" s="293"/>
      <c r="AS58" s="293"/>
      <c r="AT58" s="293"/>
      <c r="AU58" s="293"/>
      <c r="AV58" s="293"/>
      <c r="AW58" s="293"/>
      <c r="AX58" s="293"/>
      <c r="AY58" s="293"/>
      <c r="AZ58" s="293"/>
      <c r="BA58" s="293"/>
      <c r="BB58" s="293"/>
      <c r="BC58" s="293"/>
      <c r="BD58" s="293"/>
      <c r="BE58" s="293"/>
      <c r="BF58" s="293"/>
      <c r="BG58" s="293"/>
      <c r="BH58" s="293"/>
      <c r="BI58" s="293"/>
      <c r="BJ58" s="293"/>
      <c r="BK58" s="293"/>
      <c r="BL58" s="293"/>
      <c r="BM58" s="293"/>
      <c r="BN58" s="293"/>
      <c r="BO58" s="293"/>
      <c r="BP58" s="293"/>
      <c r="BQ58" s="293"/>
      <c r="BR58" s="293"/>
      <c r="BS58" s="293"/>
      <c r="BT58" s="293"/>
      <c r="BU58" s="293"/>
      <c r="BV58" s="293"/>
      <c r="BW58" s="293"/>
      <c r="BX58" s="293"/>
      <c r="BY58" s="293"/>
      <c r="BZ58" s="293"/>
      <c r="CA58" s="293"/>
      <c r="CB58" s="293"/>
      <c r="CC58" s="293"/>
      <c r="CD58" s="293"/>
      <c r="CE58" s="293"/>
      <c r="CF58" s="293"/>
      <c r="CG58" s="294"/>
      <c r="CH58" s="241"/>
      <c r="CI58" s="242"/>
      <c r="CJ58" s="242"/>
      <c r="CK58" s="242"/>
      <c r="CL58" s="242"/>
      <c r="CM58" s="242"/>
      <c r="CN58" s="242"/>
      <c r="CO58" s="242"/>
      <c r="CP58" s="242"/>
      <c r="CQ58" s="242"/>
      <c r="CR58" s="242"/>
      <c r="CS58" s="242"/>
      <c r="CT58" s="242"/>
      <c r="CU58" s="242"/>
      <c r="CV58" s="242"/>
      <c r="CW58" s="242"/>
      <c r="CX58" s="242"/>
      <c r="CY58" s="242"/>
      <c r="CZ58" s="242"/>
      <c r="DA58" s="242"/>
      <c r="DB58" s="242"/>
      <c r="DC58" s="242"/>
      <c r="DD58" s="242"/>
      <c r="DE58" s="242"/>
      <c r="DF58" s="242"/>
      <c r="DG58" s="242"/>
      <c r="DH58" s="242"/>
      <c r="DI58" s="244"/>
      <c r="DJ58" s="244"/>
      <c r="DK58" s="244"/>
      <c r="DL58" s="244"/>
      <c r="DM58" s="244"/>
      <c r="DN58" s="244"/>
      <c r="DO58" s="244"/>
      <c r="DP58" s="244"/>
      <c r="DQ58" s="244"/>
      <c r="DR58" s="244"/>
      <c r="DS58" s="244"/>
      <c r="DT58" s="244"/>
      <c r="DU58" s="283"/>
      <c r="DV58" s="283"/>
      <c r="DW58" s="283"/>
      <c r="DX58" s="283"/>
      <c r="DY58" s="283"/>
      <c r="DZ58" s="283"/>
      <c r="EA58" s="283"/>
      <c r="EB58" s="283"/>
      <c r="EC58" s="283"/>
      <c r="ED58" s="283"/>
      <c r="EE58" s="283"/>
      <c r="EF58" s="283"/>
      <c r="EG58" s="245"/>
      <c r="EH58" s="246"/>
      <c r="EI58" s="246"/>
      <c r="EJ58" s="246"/>
      <c r="EK58" s="246"/>
      <c r="EL58" s="246"/>
      <c r="EM58" s="246"/>
      <c r="EN58" s="246"/>
      <c r="EO58" s="246"/>
      <c r="EP58" s="246"/>
      <c r="EQ58" s="246"/>
      <c r="ER58" s="246"/>
      <c r="ES58" s="246"/>
      <c r="ET58" s="246"/>
      <c r="EU58" s="247"/>
      <c r="EV58" s="245"/>
      <c r="EW58" s="246"/>
      <c r="EX58" s="246"/>
      <c r="EY58" s="246"/>
      <c r="EZ58" s="246"/>
      <c r="FA58" s="246"/>
      <c r="FB58" s="246"/>
      <c r="FC58" s="246"/>
      <c r="FD58" s="246"/>
      <c r="FE58" s="246"/>
      <c r="FF58" s="246"/>
      <c r="FG58" s="246"/>
      <c r="FH58" s="246"/>
      <c r="FI58" s="246"/>
      <c r="FJ58" s="246"/>
      <c r="FK58" s="246"/>
      <c r="FL58" s="246"/>
      <c r="FM58" s="247"/>
      <c r="FN58" s="242"/>
      <c r="FO58" s="242"/>
      <c r="FP58" s="242"/>
      <c r="FQ58" s="242"/>
      <c r="FR58" s="242"/>
      <c r="FS58" s="242"/>
      <c r="FT58" s="242"/>
      <c r="FU58" s="242"/>
      <c r="FV58" s="242"/>
      <c r="FW58" s="242"/>
      <c r="FX58" s="242"/>
      <c r="FY58" s="242"/>
      <c r="FZ58" s="242"/>
      <c r="GA58" s="242"/>
      <c r="GB58" s="242"/>
      <c r="GC58" s="242"/>
      <c r="GD58" s="242"/>
      <c r="GE58" s="242"/>
      <c r="GF58" s="242"/>
      <c r="GG58" s="242"/>
      <c r="GH58" s="242"/>
      <c r="GI58" s="242"/>
      <c r="GJ58" s="242"/>
      <c r="GK58" s="242"/>
      <c r="GL58" s="242"/>
      <c r="GM58" s="242"/>
      <c r="GN58" s="242"/>
      <c r="GO58" s="242"/>
      <c r="GP58" s="242"/>
      <c r="GQ58" s="242"/>
      <c r="GR58" s="242"/>
      <c r="GS58" s="242"/>
      <c r="GT58" s="242"/>
      <c r="GU58" s="242"/>
      <c r="GV58" s="242"/>
      <c r="GW58" s="242"/>
      <c r="GX58" s="242"/>
      <c r="GY58" s="242"/>
      <c r="GZ58" s="242"/>
      <c r="HA58" s="242"/>
      <c r="HB58" s="242"/>
      <c r="HC58" s="242"/>
      <c r="HD58" s="242"/>
      <c r="HE58" s="242"/>
      <c r="HF58" s="242"/>
      <c r="HG58" s="242"/>
      <c r="HH58" s="242"/>
      <c r="HI58" s="242"/>
      <c r="HJ58" s="242"/>
      <c r="HK58" s="242"/>
      <c r="HL58" s="242"/>
      <c r="HM58" s="242"/>
      <c r="HN58" s="242"/>
      <c r="HO58" s="242"/>
      <c r="HP58" s="242"/>
      <c r="HQ58" s="242"/>
    </row>
    <row r="59" spans="2:225" ht="6" customHeight="1">
      <c r="B59" s="236"/>
      <c r="C59" s="236"/>
      <c r="D59" s="236"/>
      <c r="E59" s="236"/>
      <c r="F59" s="236"/>
      <c r="G59" s="236"/>
      <c r="H59" s="236"/>
      <c r="I59" s="236"/>
      <c r="J59" s="236"/>
      <c r="K59" s="236"/>
      <c r="L59" s="236"/>
      <c r="M59" s="236"/>
      <c r="N59" s="236"/>
      <c r="O59" s="236"/>
      <c r="P59" s="237"/>
      <c r="Q59" s="241"/>
      <c r="R59" s="293"/>
      <c r="S59" s="293"/>
      <c r="T59" s="293"/>
      <c r="U59" s="293"/>
      <c r="V59" s="293"/>
      <c r="W59" s="293"/>
      <c r="X59" s="293"/>
      <c r="Y59" s="293"/>
      <c r="Z59" s="293"/>
      <c r="AA59" s="293"/>
      <c r="AB59" s="293"/>
      <c r="AC59" s="293"/>
      <c r="AD59" s="293"/>
      <c r="AE59" s="293"/>
      <c r="AF59" s="293"/>
      <c r="AG59" s="293"/>
      <c r="AH59" s="293"/>
      <c r="AI59" s="293"/>
      <c r="AJ59" s="293"/>
      <c r="AK59" s="293"/>
      <c r="AL59" s="293"/>
      <c r="AM59" s="293"/>
      <c r="AN59" s="293"/>
      <c r="AO59" s="293"/>
      <c r="AP59" s="293"/>
      <c r="AQ59" s="293"/>
      <c r="AR59" s="293"/>
      <c r="AS59" s="293"/>
      <c r="AT59" s="293"/>
      <c r="AU59" s="293"/>
      <c r="AV59" s="293"/>
      <c r="AW59" s="293"/>
      <c r="AX59" s="293"/>
      <c r="AY59" s="293"/>
      <c r="AZ59" s="293"/>
      <c r="BA59" s="293"/>
      <c r="BB59" s="293"/>
      <c r="BC59" s="293"/>
      <c r="BD59" s="293"/>
      <c r="BE59" s="293"/>
      <c r="BF59" s="293"/>
      <c r="BG59" s="293"/>
      <c r="BH59" s="293"/>
      <c r="BI59" s="293"/>
      <c r="BJ59" s="293"/>
      <c r="BK59" s="293"/>
      <c r="BL59" s="293"/>
      <c r="BM59" s="293"/>
      <c r="BN59" s="293"/>
      <c r="BO59" s="293"/>
      <c r="BP59" s="293"/>
      <c r="BQ59" s="293"/>
      <c r="BR59" s="293"/>
      <c r="BS59" s="293"/>
      <c r="BT59" s="293"/>
      <c r="BU59" s="293"/>
      <c r="BV59" s="293"/>
      <c r="BW59" s="293"/>
      <c r="BX59" s="293"/>
      <c r="BY59" s="293"/>
      <c r="BZ59" s="293"/>
      <c r="CA59" s="293"/>
      <c r="CB59" s="293"/>
      <c r="CC59" s="293"/>
      <c r="CD59" s="293"/>
      <c r="CE59" s="293"/>
      <c r="CF59" s="293"/>
      <c r="CG59" s="294"/>
      <c r="CH59" s="241"/>
      <c r="CI59" s="242"/>
      <c r="CJ59" s="242"/>
      <c r="CK59" s="242"/>
      <c r="CL59" s="242"/>
      <c r="CM59" s="242"/>
      <c r="CN59" s="242"/>
      <c r="CO59" s="242"/>
      <c r="CP59" s="242"/>
      <c r="CQ59" s="242"/>
      <c r="CR59" s="242"/>
      <c r="CS59" s="242"/>
      <c r="CT59" s="242"/>
      <c r="CU59" s="242"/>
      <c r="CV59" s="242"/>
      <c r="CW59" s="242"/>
      <c r="CX59" s="242"/>
      <c r="CY59" s="242"/>
      <c r="CZ59" s="242"/>
      <c r="DA59" s="242"/>
      <c r="DB59" s="242"/>
      <c r="DC59" s="242"/>
      <c r="DD59" s="242"/>
      <c r="DE59" s="242"/>
      <c r="DF59" s="242"/>
      <c r="DG59" s="242"/>
      <c r="DH59" s="242"/>
      <c r="DI59" s="244"/>
      <c r="DJ59" s="244"/>
      <c r="DK59" s="244"/>
      <c r="DL59" s="244"/>
      <c r="DM59" s="244"/>
      <c r="DN59" s="244"/>
      <c r="DO59" s="244"/>
      <c r="DP59" s="244"/>
      <c r="DQ59" s="244"/>
      <c r="DR59" s="244"/>
      <c r="DS59" s="244"/>
      <c r="DT59" s="244"/>
      <c r="DU59" s="283"/>
      <c r="DV59" s="283"/>
      <c r="DW59" s="283"/>
      <c r="DX59" s="283"/>
      <c r="DY59" s="283"/>
      <c r="DZ59" s="283"/>
      <c r="EA59" s="283"/>
      <c r="EB59" s="283"/>
      <c r="EC59" s="283"/>
      <c r="ED59" s="283"/>
      <c r="EE59" s="283"/>
      <c r="EF59" s="283"/>
      <c r="EG59" s="248"/>
      <c r="EH59" s="249"/>
      <c r="EI59" s="249"/>
      <c r="EJ59" s="249"/>
      <c r="EK59" s="249"/>
      <c r="EL59" s="249"/>
      <c r="EM59" s="249"/>
      <c r="EN59" s="249"/>
      <c r="EO59" s="249"/>
      <c r="EP59" s="249"/>
      <c r="EQ59" s="249"/>
      <c r="ER59" s="249"/>
      <c r="ES59" s="249"/>
      <c r="ET59" s="249"/>
      <c r="EU59" s="250"/>
      <c r="EV59" s="248"/>
      <c r="EW59" s="249"/>
      <c r="EX59" s="249"/>
      <c r="EY59" s="249"/>
      <c r="EZ59" s="249"/>
      <c r="FA59" s="249"/>
      <c r="FB59" s="249"/>
      <c r="FC59" s="249"/>
      <c r="FD59" s="249"/>
      <c r="FE59" s="249"/>
      <c r="FF59" s="249"/>
      <c r="FG59" s="249"/>
      <c r="FH59" s="249"/>
      <c r="FI59" s="249"/>
      <c r="FJ59" s="249"/>
      <c r="FK59" s="249"/>
      <c r="FL59" s="249"/>
      <c r="FM59" s="250"/>
      <c r="FN59" s="242"/>
      <c r="FO59" s="242"/>
      <c r="FP59" s="242"/>
      <c r="FQ59" s="242"/>
      <c r="FR59" s="242"/>
      <c r="FS59" s="242"/>
      <c r="FT59" s="242"/>
      <c r="FU59" s="242"/>
      <c r="FV59" s="242"/>
      <c r="FW59" s="242"/>
      <c r="FX59" s="242"/>
      <c r="FY59" s="242"/>
      <c r="FZ59" s="242"/>
      <c r="GA59" s="242"/>
      <c r="GB59" s="242"/>
      <c r="GC59" s="242"/>
      <c r="GD59" s="242"/>
      <c r="GE59" s="242"/>
      <c r="GF59" s="242"/>
      <c r="GG59" s="242"/>
      <c r="GH59" s="242"/>
      <c r="GI59" s="242"/>
      <c r="GJ59" s="242"/>
      <c r="GK59" s="242"/>
      <c r="GL59" s="242"/>
      <c r="GM59" s="242"/>
      <c r="GN59" s="242"/>
      <c r="GO59" s="242"/>
      <c r="GP59" s="242"/>
      <c r="GQ59" s="242"/>
      <c r="GR59" s="242"/>
      <c r="GS59" s="242"/>
      <c r="GT59" s="242"/>
      <c r="GU59" s="242"/>
      <c r="GV59" s="242"/>
      <c r="GW59" s="242"/>
      <c r="GX59" s="242"/>
      <c r="GY59" s="242"/>
      <c r="GZ59" s="242"/>
      <c r="HA59" s="242"/>
      <c r="HB59" s="242"/>
      <c r="HC59" s="242"/>
      <c r="HD59" s="242"/>
      <c r="HE59" s="242"/>
      <c r="HF59" s="242"/>
      <c r="HG59" s="242"/>
      <c r="HH59" s="242"/>
      <c r="HI59" s="242"/>
      <c r="HJ59" s="242"/>
      <c r="HK59" s="242"/>
      <c r="HL59" s="242"/>
      <c r="HM59" s="242"/>
      <c r="HN59" s="242"/>
      <c r="HO59" s="242"/>
      <c r="HP59" s="242"/>
      <c r="HQ59" s="242"/>
    </row>
    <row r="60" spans="2:225" ht="6" customHeight="1">
      <c r="B60" s="236"/>
      <c r="C60" s="236"/>
      <c r="D60" s="236"/>
      <c r="E60" s="236"/>
      <c r="F60" s="236"/>
      <c r="G60" s="236"/>
      <c r="H60" s="236"/>
      <c r="I60" s="236"/>
      <c r="J60" s="236"/>
      <c r="K60" s="236"/>
      <c r="L60" s="236"/>
      <c r="M60" s="236"/>
      <c r="N60" s="236"/>
      <c r="O60" s="236"/>
      <c r="P60" s="237"/>
      <c r="Q60" s="241"/>
      <c r="R60" s="293"/>
      <c r="S60" s="293"/>
      <c r="T60" s="293"/>
      <c r="U60" s="293"/>
      <c r="V60" s="293"/>
      <c r="W60" s="293"/>
      <c r="X60" s="293"/>
      <c r="Y60" s="293"/>
      <c r="Z60" s="293"/>
      <c r="AA60" s="293"/>
      <c r="AB60" s="293"/>
      <c r="AC60" s="293"/>
      <c r="AD60" s="293"/>
      <c r="AE60" s="293"/>
      <c r="AF60" s="293"/>
      <c r="AG60" s="293"/>
      <c r="AH60" s="293"/>
      <c r="AI60" s="293"/>
      <c r="AJ60" s="293"/>
      <c r="AK60" s="293"/>
      <c r="AL60" s="293"/>
      <c r="AM60" s="293"/>
      <c r="AN60" s="293"/>
      <c r="AO60" s="293"/>
      <c r="AP60" s="293"/>
      <c r="AQ60" s="293"/>
      <c r="AR60" s="293"/>
      <c r="AS60" s="293"/>
      <c r="AT60" s="293"/>
      <c r="AU60" s="293"/>
      <c r="AV60" s="293"/>
      <c r="AW60" s="293"/>
      <c r="AX60" s="293"/>
      <c r="AY60" s="293"/>
      <c r="AZ60" s="293"/>
      <c r="BA60" s="293"/>
      <c r="BB60" s="293"/>
      <c r="BC60" s="293"/>
      <c r="BD60" s="293"/>
      <c r="BE60" s="293"/>
      <c r="BF60" s="293"/>
      <c r="BG60" s="293"/>
      <c r="BH60" s="293"/>
      <c r="BI60" s="293"/>
      <c r="BJ60" s="293"/>
      <c r="BK60" s="293"/>
      <c r="BL60" s="293"/>
      <c r="BM60" s="293"/>
      <c r="BN60" s="293"/>
      <c r="BO60" s="293"/>
      <c r="BP60" s="293"/>
      <c r="BQ60" s="293"/>
      <c r="BR60" s="293"/>
      <c r="BS60" s="293"/>
      <c r="BT60" s="293"/>
      <c r="BU60" s="293"/>
      <c r="BV60" s="293"/>
      <c r="BW60" s="293"/>
      <c r="BX60" s="293"/>
      <c r="BY60" s="293"/>
      <c r="BZ60" s="293"/>
      <c r="CA60" s="293"/>
      <c r="CB60" s="293"/>
      <c r="CC60" s="293"/>
      <c r="CD60" s="293"/>
      <c r="CE60" s="293"/>
      <c r="CF60" s="293"/>
      <c r="CG60" s="294"/>
      <c r="CH60" s="241"/>
      <c r="CI60" s="242"/>
      <c r="CJ60" s="242"/>
      <c r="CK60" s="242"/>
      <c r="CL60" s="242"/>
      <c r="CM60" s="242"/>
      <c r="CN60" s="242"/>
      <c r="CO60" s="242"/>
      <c r="CP60" s="242"/>
      <c r="CQ60" s="242"/>
      <c r="CR60" s="242"/>
      <c r="CS60" s="242"/>
      <c r="CT60" s="242"/>
      <c r="CU60" s="242"/>
      <c r="CV60" s="242"/>
      <c r="CW60" s="242"/>
      <c r="CX60" s="242"/>
      <c r="CY60" s="242"/>
      <c r="CZ60" s="242"/>
      <c r="DA60" s="242"/>
      <c r="DB60" s="242"/>
      <c r="DC60" s="242"/>
      <c r="DD60" s="242"/>
      <c r="DE60" s="242"/>
      <c r="DF60" s="242"/>
      <c r="DG60" s="242"/>
      <c r="DH60" s="242"/>
      <c r="DI60" s="244"/>
      <c r="DJ60" s="244"/>
      <c r="DK60" s="244"/>
      <c r="DL60" s="244"/>
      <c r="DM60" s="244"/>
      <c r="DN60" s="244"/>
      <c r="DO60" s="244"/>
      <c r="DP60" s="244"/>
      <c r="DQ60" s="244"/>
      <c r="DR60" s="244"/>
      <c r="DS60" s="244"/>
      <c r="DT60" s="244"/>
      <c r="DU60" s="283"/>
      <c r="DV60" s="283"/>
      <c r="DW60" s="283"/>
      <c r="DX60" s="283"/>
      <c r="DY60" s="283"/>
      <c r="DZ60" s="283"/>
      <c r="EA60" s="283"/>
      <c r="EB60" s="283"/>
      <c r="EC60" s="283"/>
      <c r="ED60" s="283"/>
      <c r="EE60" s="283"/>
      <c r="EF60" s="283"/>
      <c r="EG60" s="248"/>
      <c r="EH60" s="249"/>
      <c r="EI60" s="249"/>
      <c r="EJ60" s="249"/>
      <c r="EK60" s="249"/>
      <c r="EL60" s="249"/>
      <c r="EM60" s="249"/>
      <c r="EN60" s="249"/>
      <c r="EO60" s="249"/>
      <c r="EP60" s="249"/>
      <c r="EQ60" s="249"/>
      <c r="ER60" s="249"/>
      <c r="ES60" s="249"/>
      <c r="ET60" s="249"/>
      <c r="EU60" s="250"/>
      <c r="EV60" s="248"/>
      <c r="EW60" s="249"/>
      <c r="EX60" s="249"/>
      <c r="EY60" s="249"/>
      <c r="EZ60" s="249"/>
      <c r="FA60" s="249"/>
      <c r="FB60" s="249"/>
      <c r="FC60" s="249"/>
      <c r="FD60" s="249"/>
      <c r="FE60" s="249"/>
      <c r="FF60" s="249"/>
      <c r="FG60" s="249"/>
      <c r="FH60" s="249"/>
      <c r="FI60" s="249"/>
      <c r="FJ60" s="249"/>
      <c r="FK60" s="249"/>
      <c r="FL60" s="249"/>
      <c r="FM60" s="250"/>
      <c r="FN60" s="242"/>
      <c r="FO60" s="242"/>
      <c r="FP60" s="242"/>
      <c r="FQ60" s="242"/>
      <c r="FR60" s="242"/>
      <c r="FS60" s="242"/>
      <c r="FT60" s="242"/>
      <c r="FU60" s="242"/>
      <c r="FV60" s="242"/>
      <c r="FW60" s="242"/>
      <c r="FX60" s="242"/>
      <c r="FY60" s="242"/>
      <c r="FZ60" s="242"/>
      <c r="GA60" s="242"/>
      <c r="GB60" s="242"/>
      <c r="GC60" s="242"/>
      <c r="GD60" s="242"/>
      <c r="GE60" s="242"/>
      <c r="GF60" s="242"/>
      <c r="GG60" s="242"/>
      <c r="GH60" s="242"/>
      <c r="GI60" s="242"/>
      <c r="GJ60" s="242"/>
      <c r="GK60" s="242"/>
      <c r="GL60" s="242"/>
      <c r="GM60" s="242"/>
      <c r="GN60" s="242"/>
      <c r="GO60" s="242"/>
      <c r="GP60" s="242"/>
      <c r="GQ60" s="242"/>
      <c r="GR60" s="242"/>
      <c r="GS60" s="242"/>
      <c r="GT60" s="242"/>
      <c r="GU60" s="242"/>
      <c r="GV60" s="242"/>
      <c r="GW60" s="242"/>
      <c r="GX60" s="242"/>
      <c r="GY60" s="242"/>
      <c r="GZ60" s="242"/>
      <c r="HA60" s="242"/>
      <c r="HB60" s="242"/>
      <c r="HC60" s="242"/>
      <c r="HD60" s="242"/>
      <c r="HE60" s="242"/>
      <c r="HF60" s="242"/>
      <c r="HG60" s="242"/>
      <c r="HH60" s="242"/>
      <c r="HI60" s="242"/>
      <c r="HJ60" s="242"/>
      <c r="HK60" s="242"/>
      <c r="HL60" s="242"/>
      <c r="HM60" s="242"/>
      <c r="HN60" s="242"/>
      <c r="HO60" s="242"/>
      <c r="HP60" s="242"/>
      <c r="HQ60" s="242"/>
    </row>
    <row r="61" spans="2:225" ht="6" customHeight="1">
      <c r="B61" s="236"/>
      <c r="C61" s="236"/>
      <c r="D61" s="236"/>
      <c r="E61" s="236"/>
      <c r="F61" s="236"/>
      <c r="G61" s="236"/>
      <c r="H61" s="236"/>
      <c r="I61" s="236"/>
      <c r="J61" s="236"/>
      <c r="K61" s="236"/>
      <c r="L61" s="236"/>
      <c r="M61" s="236"/>
      <c r="N61" s="236"/>
      <c r="O61" s="236"/>
      <c r="P61" s="237"/>
      <c r="Q61" s="241"/>
      <c r="R61" s="293"/>
      <c r="S61" s="293"/>
      <c r="T61" s="293"/>
      <c r="U61" s="293"/>
      <c r="V61" s="293"/>
      <c r="W61" s="293"/>
      <c r="X61" s="293"/>
      <c r="Y61" s="293"/>
      <c r="Z61" s="293"/>
      <c r="AA61" s="293"/>
      <c r="AB61" s="293"/>
      <c r="AC61" s="293"/>
      <c r="AD61" s="293"/>
      <c r="AE61" s="293"/>
      <c r="AF61" s="293"/>
      <c r="AG61" s="293"/>
      <c r="AH61" s="293"/>
      <c r="AI61" s="293"/>
      <c r="AJ61" s="293"/>
      <c r="AK61" s="293"/>
      <c r="AL61" s="293"/>
      <c r="AM61" s="293"/>
      <c r="AN61" s="293"/>
      <c r="AO61" s="293"/>
      <c r="AP61" s="293"/>
      <c r="AQ61" s="293"/>
      <c r="AR61" s="293"/>
      <c r="AS61" s="293"/>
      <c r="AT61" s="293"/>
      <c r="AU61" s="293"/>
      <c r="AV61" s="293"/>
      <c r="AW61" s="293"/>
      <c r="AX61" s="293"/>
      <c r="AY61" s="293"/>
      <c r="AZ61" s="293"/>
      <c r="BA61" s="293"/>
      <c r="BB61" s="293"/>
      <c r="BC61" s="293"/>
      <c r="BD61" s="293"/>
      <c r="BE61" s="293"/>
      <c r="BF61" s="293"/>
      <c r="BG61" s="293"/>
      <c r="BH61" s="293"/>
      <c r="BI61" s="293"/>
      <c r="BJ61" s="293"/>
      <c r="BK61" s="293"/>
      <c r="BL61" s="293"/>
      <c r="BM61" s="293"/>
      <c r="BN61" s="293"/>
      <c r="BO61" s="293"/>
      <c r="BP61" s="293"/>
      <c r="BQ61" s="293"/>
      <c r="BR61" s="293"/>
      <c r="BS61" s="293"/>
      <c r="BT61" s="293"/>
      <c r="BU61" s="293"/>
      <c r="BV61" s="293"/>
      <c r="BW61" s="293"/>
      <c r="BX61" s="293"/>
      <c r="BY61" s="293"/>
      <c r="BZ61" s="293"/>
      <c r="CA61" s="293"/>
      <c r="CB61" s="293"/>
      <c r="CC61" s="293"/>
      <c r="CD61" s="293"/>
      <c r="CE61" s="293"/>
      <c r="CF61" s="293"/>
      <c r="CG61" s="294"/>
      <c r="CH61" s="241"/>
      <c r="CI61" s="242"/>
      <c r="CJ61" s="242"/>
      <c r="CK61" s="242"/>
      <c r="CL61" s="242"/>
      <c r="CM61" s="242"/>
      <c r="CN61" s="242"/>
      <c r="CO61" s="242"/>
      <c r="CP61" s="242"/>
      <c r="CQ61" s="242"/>
      <c r="CR61" s="242"/>
      <c r="CS61" s="242"/>
      <c r="CT61" s="242"/>
      <c r="CU61" s="242"/>
      <c r="CV61" s="242"/>
      <c r="CW61" s="242"/>
      <c r="CX61" s="242"/>
      <c r="CY61" s="242"/>
      <c r="CZ61" s="242"/>
      <c r="DA61" s="242"/>
      <c r="DB61" s="242"/>
      <c r="DC61" s="242"/>
      <c r="DD61" s="242"/>
      <c r="DE61" s="242"/>
      <c r="DF61" s="242"/>
      <c r="DG61" s="242"/>
      <c r="DH61" s="242"/>
      <c r="DI61" s="244"/>
      <c r="DJ61" s="244"/>
      <c r="DK61" s="244"/>
      <c r="DL61" s="244"/>
      <c r="DM61" s="244"/>
      <c r="DN61" s="244"/>
      <c r="DO61" s="244"/>
      <c r="DP61" s="244"/>
      <c r="DQ61" s="244"/>
      <c r="DR61" s="244"/>
      <c r="DS61" s="244"/>
      <c r="DT61" s="244"/>
      <c r="DU61" s="283"/>
      <c r="DV61" s="283"/>
      <c r="DW61" s="283"/>
      <c r="DX61" s="283"/>
      <c r="DY61" s="283"/>
      <c r="DZ61" s="283"/>
      <c r="EA61" s="283"/>
      <c r="EB61" s="283"/>
      <c r="EC61" s="283"/>
      <c r="ED61" s="283"/>
      <c r="EE61" s="283"/>
      <c r="EF61" s="283"/>
      <c r="EG61" s="251"/>
      <c r="EH61" s="252"/>
      <c r="EI61" s="252"/>
      <c r="EJ61" s="252"/>
      <c r="EK61" s="252"/>
      <c r="EL61" s="252"/>
      <c r="EM61" s="252"/>
      <c r="EN61" s="252"/>
      <c r="EO61" s="252"/>
      <c r="EP61" s="252"/>
      <c r="EQ61" s="252"/>
      <c r="ER61" s="252"/>
      <c r="ES61" s="252"/>
      <c r="ET61" s="252"/>
      <c r="EU61" s="253"/>
      <c r="EV61" s="251"/>
      <c r="EW61" s="252"/>
      <c r="EX61" s="252"/>
      <c r="EY61" s="252"/>
      <c r="EZ61" s="252"/>
      <c r="FA61" s="252"/>
      <c r="FB61" s="252"/>
      <c r="FC61" s="252"/>
      <c r="FD61" s="252"/>
      <c r="FE61" s="252"/>
      <c r="FF61" s="252"/>
      <c r="FG61" s="252"/>
      <c r="FH61" s="252"/>
      <c r="FI61" s="252"/>
      <c r="FJ61" s="252"/>
      <c r="FK61" s="252"/>
      <c r="FL61" s="252"/>
      <c r="FM61" s="253"/>
      <c r="FN61" s="242"/>
      <c r="FO61" s="242"/>
      <c r="FP61" s="242"/>
      <c r="FQ61" s="242"/>
      <c r="FR61" s="242"/>
      <c r="FS61" s="242"/>
      <c r="FT61" s="242"/>
      <c r="FU61" s="242"/>
      <c r="FV61" s="242"/>
      <c r="FW61" s="242"/>
      <c r="FX61" s="242"/>
      <c r="FY61" s="242"/>
      <c r="FZ61" s="242"/>
      <c r="GA61" s="242"/>
      <c r="GB61" s="242"/>
      <c r="GC61" s="242"/>
      <c r="GD61" s="242"/>
      <c r="GE61" s="242"/>
      <c r="GF61" s="242"/>
      <c r="GG61" s="242"/>
      <c r="GH61" s="242"/>
      <c r="GI61" s="242"/>
      <c r="GJ61" s="242"/>
      <c r="GK61" s="242"/>
      <c r="GL61" s="242"/>
      <c r="GM61" s="242"/>
      <c r="GN61" s="242"/>
      <c r="GO61" s="242"/>
      <c r="GP61" s="242"/>
      <c r="GQ61" s="242"/>
      <c r="GR61" s="242"/>
      <c r="GS61" s="242"/>
      <c r="GT61" s="242"/>
      <c r="GU61" s="242"/>
      <c r="GV61" s="242"/>
      <c r="GW61" s="242"/>
      <c r="GX61" s="242"/>
      <c r="GY61" s="242"/>
      <c r="GZ61" s="242"/>
      <c r="HA61" s="242"/>
      <c r="HB61" s="242"/>
      <c r="HC61" s="242"/>
      <c r="HD61" s="242"/>
      <c r="HE61" s="242"/>
      <c r="HF61" s="242"/>
      <c r="HG61" s="242"/>
      <c r="HH61" s="242"/>
      <c r="HI61" s="242"/>
      <c r="HJ61" s="242"/>
      <c r="HK61" s="242"/>
      <c r="HL61" s="242"/>
      <c r="HM61" s="242"/>
      <c r="HN61" s="242"/>
      <c r="HO61" s="242"/>
      <c r="HP61" s="242"/>
      <c r="HQ61" s="242"/>
    </row>
    <row r="62" spans="2:225" ht="6" customHeight="1">
      <c r="B62" s="236"/>
      <c r="C62" s="236"/>
      <c r="D62" s="236"/>
      <c r="E62" s="236"/>
      <c r="F62" s="236"/>
      <c r="G62" s="236"/>
      <c r="H62" s="236"/>
      <c r="I62" s="236"/>
      <c r="J62" s="236"/>
      <c r="K62" s="236"/>
      <c r="L62" s="236"/>
      <c r="M62" s="236"/>
      <c r="N62" s="236"/>
      <c r="O62" s="236"/>
      <c r="P62" s="237"/>
      <c r="Q62" s="241"/>
      <c r="R62" s="293"/>
      <c r="S62" s="293"/>
      <c r="T62" s="293"/>
      <c r="U62" s="293"/>
      <c r="V62" s="293"/>
      <c r="W62" s="293"/>
      <c r="X62" s="293"/>
      <c r="Y62" s="293"/>
      <c r="Z62" s="293"/>
      <c r="AA62" s="293"/>
      <c r="AB62" s="293"/>
      <c r="AC62" s="293"/>
      <c r="AD62" s="293"/>
      <c r="AE62" s="293"/>
      <c r="AF62" s="293"/>
      <c r="AG62" s="293"/>
      <c r="AH62" s="293"/>
      <c r="AI62" s="293"/>
      <c r="AJ62" s="293"/>
      <c r="AK62" s="293"/>
      <c r="AL62" s="293"/>
      <c r="AM62" s="293"/>
      <c r="AN62" s="293"/>
      <c r="AO62" s="293"/>
      <c r="AP62" s="293"/>
      <c r="AQ62" s="293"/>
      <c r="AR62" s="293"/>
      <c r="AS62" s="293"/>
      <c r="AT62" s="293"/>
      <c r="AU62" s="293"/>
      <c r="AV62" s="293"/>
      <c r="AW62" s="293"/>
      <c r="AX62" s="293"/>
      <c r="AY62" s="293"/>
      <c r="AZ62" s="293"/>
      <c r="BA62" s="293"/>
      <c r="BB62" s="293"/>
      <c r="BC62" s="293"/>
      <c r="BD62" s="293"/>
      <c r="BE62" s="293"/>
      <c r="BF62" s="293"/>
      <c r="BG62" s="293"/>
      <c r="BH62" s="293"/>
      <c r="BI62" s="293"/>
      <c r="BJ62" s="293"/>
      <c r="BK62" s="293"/>
      <c r="BL62" s="293"/>
      <c r="BM62" s="293"/>
      <c r="BN62" s="293"/>
      <c r="BO62" s="293"/>
      <c r="BP62" s="293"/>
      <c r="BQ62" s="293"/>
      <c r="BR62" s="293"/>
      <c r="BS62" s="293"/>
      <c r="BT62" s="293"/>
      <c r="BU62" s="293"/>
      <c r="BV62" s="293"/>
      <c r="BW62" s="293"/>
      <c r="BX62" s="293"/>
      <c r="BY62" s="293"/>
      <c r="BZ62" s="293"/>
      <c r="CA62" s="293"/>
      <c r="CB62" s="293"/>
      <c r="CC62" s="293"/>
      <c r="CD62" s="293"/>
      <c r="CE62" s="293"/>
      <c r="CF62" s="293"/>
      <c r="CG62" s="294"/>
      <c r="CH62" s="241"/>
      <c r="CI62" s="242"/>
      <c r="CJ62" s="242"/>
      <c r="CK62" s="242"/>
      <c r="CL62" s="242"/>
      <c r="CM62" s="242"/>
      <c r="CN62" s="242"/>
      <c r="CO62" s="242"/>
      <c r="CP62" s="242"/>
      <c r="CQ62" s="242"/>
      <c r="CR62" s="242"/>
      <c r="CS62" s="242"/>
      <c r="CT62" s="242"/>
      <c r="CU62" s="242"/>
      <c r="CV62" s="242"/>
      <c r="CW62" s="242"/>
      <c r="CX62" s="242"/>
      <c r="CY62" s="242"/>
      <c r="CZ62" s="242"/>
      <c r="DA62" s="242"/>
      <c r="DB62" s="242"/>
      <c r="DC62" s="242"/>
      <c r="DD62" s="242"/>
      <c r="DE62" s="242"/>
      <c r="DF62" s="242"/>
      <c r="DG62" s="242"/>
      <c r="DH62" s="242"/>
      <c r="DI62" s="244"/>
      <c r="DJ62" s="244"/>
      <c r="DK62" s="244"/>
      <c r="DL62" s="244"/>
      <c r="DM62" s="244"/>
      <c r="DN62" s="244"/>
      <c r="DO62" s="244"/>
      <c r="DP62" s="244"/>
      <c r="DQ62" s="244"/>
      <c r="DR62" s="244"/>
      <c r="DS62" s="244"/>
      <c r="DT62" s="244"/>
      <c r="DU62" s="283"/>
      <c r="DV62" s="283"/>
      <c r="DW62" s="283"/>
      <c r="DX62" s="283"/>
      <c r="DY62" s="283"/>
      <c r="DZ62" s="283"/>
      <c r="EA62" s="283"/>
      <c r="EB62" s="283"/>
      <c r="EC62" s="283"/>
      <c r="ED62" s="283"/>
      <c r="EE62" s="283"/>
      <c r="EF62" s="283"/>
      <c r="EG62" s="245"/>
      <c r="EH62" s="246"/>
      <c r="EI62" s="246"/>
      <c r="EJ62" s="246"/>
      <c r="EK62" s="246"/>
      <c r="EL62" s="246"/>
      <c r="EM62" s="246"/>
      <c r="EN62" s="246"/>
      <c r="EO62" s="246"/>
      <c r="EP62" s="246"/>
      <c r="EQ62" s="246"/>
      <c r="ER62" s="246"/>
      <c r="ES62" s="246"/>
      <c r="ET62" s="246"/>
      <c r="EU62" s="247"/>
      <c r="EV62" s="245"/>
      <c r="EW62" s="246"/>
      <c r="EX62" s="246"/>
      <c r="EY62" s="246"/>
      <c r="EZ62" s="246"/>
      <c r="FA62" s="246"/>
      <c r="FB62" s="246"/>
      <c r="FC62" s="246"/>
      <c r="FD62" s="246"/>
      <c r="FE62" s="246"/>
      <c r="FF62" s="246"/>
      <c r="FG62" s="246"/>
      <c r="FH62" s="246"/>
      <c r="FI62" s="246"/>
      <c r="FJ62" s="246"/>
      <c r="FK62" s="246"/>
      <c r="FL62" s="246"/>
      <c r="FM62" s="247"/>
      <c r="FN62" s="242"/>
      <c r="FO62" s="242"/>
      <c r="FP62" s="242"/>
      <c r="FQ62" s="242"/>
      <c r="FR62" s="242"/>
      <c r="FS62" s="242"/>
      <c r="FT62" s="242"/>
      <c r="FU62" s="242"/>
      <c r="FV62" s="242"/>
      <c r="FW62" s="242"/>
      <c r="FX62" s="242"/>
      <c r="FY62" s="242"/>
      <c r="FZ62" s="242"/>
      <c r="GA62" s="242"/>
      <c r="GB62" s="242"/>
      <c r="GC62" s="242"/>
      <c r="GD62" s="242"/>
      <c r="GE62" s="242"/>
      <c r="GF62" s="242"/>
      <c r="GG62" s="242"/>
      <c r="GH62" s="242"/>
      <c r="GI62" s="242"/>
      <c r="GJ62" s="242"/>
      <c r="GK62" s="242"/>
      <c r="GL62" s="242"/>
      <c r="GM62" s="242"/>
      <c r="GN62" s="242"/>
      <c r="GO62" s="242"/>
      <c r="GP62" s="242"/>
      <c r="GQ62" s="242"/>
      <c r="GR62" s="242"/>
      <c r="GS62" s="242"/>
      <c r="GT62" s="242"/>
      <c r="GU62" s="242"/>
      <c r="GV62" s="242"/>
      <c r="GW62" s="242"/>
      <c r="GX62" s="242"/>
      <c r="GY62" s="242"/>
      <c r="GZ62" s="242"/>
      <c r="HA62" s="242"/>
      <c r="HB62" s="242"/>
      <c r="HC62" s="242"/>
      <c r="HD62" s="242"/>
      <c r="HE62" s="242"/>
      <c r="HF62" s="242"/>
      <c r="HG62" s="242"/>
      <c r="HH62" s="242"/>
      <c r="HI62" s="242"/>
      <c r="HJ62" s="242"/>
      <c r="HK62" s="242"/>
      <c r="HL62" s="242"/>
      <c r="HM62" s="242"/>
      <c r="HN62" s="242"/>
      <c r="HO62" s="242"/>
      <c r="HP62" s="242"/>
      <c r="HQ62" s="242"/>
    </row>
    <row r="63" spans="2:225" ht="6" customHeight="1">
      <c r="B63" s="236"/>
      <c r="C63" s="236"/>
      <c r="D63" s="236"/>
      <c r="E63" s="236"/>
      <c r="F63" s="236"/>
      <c r="G63" s="236"/>
      <c r="H63" s="236"/>
      <c r="I63" s="236"/>
      <c r="J63" s="236"/>
      <c r="K63" s="236"/>
      <c r="L63" s="236"/>
      <c r="M63" s="236"/>
      <c r="N63" s="236"/>
      <c r="O63" s="236"/>
      <c r="P63" s="237"/>
      <c r="Q63" s="241"/>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c r="AS63" s="293"/>
      <c r="AT63" s="293"/>
      <c r="AU63" s="293"/>
      <c r="AV63" s="293"/>
      <c r="AW63" s="293"/>
      <c r="AX63" s="293"/>
      <c r="AY63" s="293"/>
      <c r="AZ63" s="293"/>
      <c r="BA63" s="293"/>
      <c r="BB63" s="293"/>
      <c r="BC63" s="293"/>
      <c r="BD63" s="293"/>
      <c r="BE63" s="293"/>
      <c r="BF63" s="293"/>
      <c r="BG63" s="293"/>
      <c r="BH63" s="293"/>
      <c r="BI63" s="293"/>
      <c r="BJ63" s="293"/>
      <c r="BK63" s="293"/>
      <c r="BL63" s="293"/>
      <c r="BM63" s="293"/>
      <c r="BN63" s="293"/>
      <c r="BO63" s="293"/>
      <c r="BP63" s="293"/>
      <c r="BQ63" s="293"/>
      <c r="BR63" s="293"/>
      <c r="BS63" s="293"/>
      <c r="BT63" s="293"/>
      <c r="BU63" s="293"/>
      <c r="BV63" s="293"/>
      <c r="BW63" s="293"/>
      <c r="BX63" s="293"/>
      <c r="BY63" s="293"/>
      <c r="BZ63" s="293"/>
      <c r="CA63" s="293"/>
      <c r="CB63" s="293"/>
      <c r="CC63" s="293"/>
      <c r="CD63" s="293"/>
      <c r="CE63" s="293"/>
      <c r="CF63" s="293"/>
      <c r="CG63" s="294"/>
      <c r="CH63" s="241"/>
      <c r="CI63" s="242"/>
      <c r="CJ63" s="242"/>
      <c r="CK63" s="242"/>
      <c r="CL63" s="242"/>
      <c r="CM63" s="242"/>
      <c r="CN63" s="242"/>
      <c r="CO63" s="242"/>
      <c r="CP63" s="242"/>
      <c r="CQ63" s="242"/>
      <c r="CR63" s="242"/>
      <c r="CS63" s="242"/>
      <c r="CT63" s="242"/>
      <c r="CU63" s="242"/>
      <c r="CV63" s="242"/>
      <c r="CW63" s="242"/>
      <c r="CX63" s="242"/>
      <c r="CY63" s="242"/>
      <c r="CZ63" s="242"/>
      <c r="DA63" s="242"/>
      <c r="DB63" s="242"/>
      <c r="DC63" s="242"/>
      <c r="DD63" s="242"/>
      <c r="DE63" s="242"/>
      <c r="DF63" s="242"/>
      <c r="DG63" s="242"/>
      <c r="DH63" s="242"/>
      <c r="DI63" s="244"/>
      <c r="DJ63" s="244"/>
      <c r="DK63" s="244"/>
      <c r="DL63" s="244"/>
      <c r="DM63" s="244"/>
      <c r="DN63" s="244"/>
      <c r="DO63" s="244"/>
      <c r="DP63" s="244"/>
      <c r="DQ63" s="244"/>
      <c r="DR63" s="244"/>
      <c r="DS63" s="244"/>
      <c r="DT63" s="244"/>
      <c r="DU63" s="283"/>
      <c r="DV63" s="283"/>
      <c r="DW63" s="283"/>
      <c r="DX63" s="283"/>
      <c r="DY63" s="283"/>
      <c r="DZ63" s="283"/>
      <c r="EA63" s="283"/>
      <c r="EB63" s="283"/>
      <c r="EC63" s="283"/>
      <c r="ED63" s="283"/>
      <c r="EE63" s="283"/>
      <c r="EF63" s="283"/>
      <c r="EG63" s="248"/>
      <c r="EH63" s="249"/>
      <c r="EI63" s="249"/>
      <c r="EJ63" s="249"/>
      <c r="EK63" s="249"/>
      <c r="EL63" s="249"/>
      <c r="EM63" s="249"/>
      <c r="EN63" s="249"/>
      <c r="EO63" s="249"/>
      <c r="EP63" s="249"/>
      <c r="EQ63" s="249"/>
      <c r="ER63" s="249"/>
      <c r="ES63" s="249"/>
      <c r="ET63" s="249"/>
      <c r="EU63" s="250"/>
      <c r="EV63" s="248"/>
      <c r="EW63" s="249"/>
      <c r="EX63" s="249"/>
      <c r="EY63" s="249"/>
      <c r="EZ63" s="249"/>
      <c r="FA63" s="249"/>
      <c r="FB63" s="249"/>
      <c r="FC63" s="249"/>
      <c r="FD63" s="249"/>
      <c r="FE63" s="249"/>
      <c r="FF63" s="249"/>
      <c r="FG63" s="249"/>
      <c r="FH63" s="249"/>
      <c r="FI63" s="249"/>
      <c r="FJ63" s="249"/>
      <c r="FK63" s="249"/>
      <c r="FL63" s="249"/>
      <c r="FM63" s="250"/>
      <c r="FN63" s="242"/>
      <c r="FO63" s="242"/>
      <c r="FP63" s="242"/>
      <c r="FQ63" s="242"/>
      <c r="FR63" s="242"/>
      <c r="FS63" s="242"/>
      <c r="FT63" s="242"/>
      <c r="FU63" s="242"/>
      <c r="FV63" s="242"/>
      <c r="FW63" s="242"/>
      <c r="FX63" s="242"/>
      <c r="FY63" s="242"/>
      <c r="FZ63" s="242"/>
      <c r="GA63" s="242"/>
      <c r="GB63" s="242"/>
      <c r="GC63" s="242"/>
      <c r="GD63" s="242"/>
      <c r="GE63" s="242"/>
      <c r="GF63" s="242"/>
      <c r="GG63" s="242"/>
      <c r="GH63" s="242"/>
      <c r="GI63" s="242"/>
      <c r="GJ63" s="242"/>
      <c r="GK63" s="242"/>
      <c r="GL63" s="242"/>
      <c r="GM63" s="242"/>
      <c r="GN63" s="242"/>
      <c r="GO63" s="242"/>
      <c r="GP63" s="242"/>
      <c r="GQ63" s="242"/>
      <c r="GR63" s="242"/>
      <c r="GS63" s="242"/>
      <c r="GT63" s="242"/>
      <c r="GU63" s="242"/>
      <c r="GV63" s="242"/>
      <c r="GW63" s="242"/>
      <c r="GX63" s="242"/>
      <c r="GY63" s="242"/>
      <c r="GZ63" s="242"/>
      <c r="HA63" s="242"/>
      <c r="HB63" s="242"/>
      <c r="HC63" s="242"/>
      <c r="HD63" s="242"/>
      <c r="HE63" s="242"/>
      <c r="HF63" s="242"/>
      <c r="HG63" s="242"/>
      <c r="HH63" s="242"/>
      <c r="HI63" s="242"/>
      <c r="HJ63" s="242"/>
      <c r="HK63" s="242"/>
      <c r="HL63" s="242"/>
      <c r="HM63" s="242"/>
      <c r="HN63" s="242"/>
      <c r="HO63" s="242"/>
      <c r="HP63" s="242"/>
      <c r="HQ63" s="242"/>
    </row>
    <row r="64" spans="2:225" ht="6" customHeight="1">
      <c r="B64" s="236"/>
      <c r="C64" s="236"/>
      <c r="D64" s="236"/>
      <c r="E64" s="236"/>
      <c r="F64" s="236"/>
      <c r="G64" s="236"/>
      <c r="H64" s="236"/>
      <c r="I64" s="236"/>
      <c r="J64" s="236"/>
      <c r="K64" s="236"/>
      <c r="L64" s="236"/>
      <c r="M64" s="236"/>
      <c r="N64" s="236"/>
      <c r="O64" s="236"/>
      <c r="P64" s="237"/>
      <c r="Q64" s="241"/>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c r="AS64" s="293"/>
      <c r="AT64" s="293"/>
      <c r="AU64" s="293"/>
      <c r="AV64" s="293"/>
      <c r="AW64" s="293"/>
      <c r="AX64" s="293"/>
      <c r="AY64" s="293"/>
      <c r="AZ64" s="293"/>
      <c r="BA64" s="293"/>
      <c r="BB64" s="293"/>
      <c r="BC64" s="293"/>
      <c r="BD64" s="293"/>
      <c r="BE64" s="293"/>
      <c r="BF64" s="293"/>
      <c r="BG64" s="293"/>
      <c r="BH64" s="293"/>
      <c r="BI64" s="293"/>
      <c r="BJ64" s="293"/>
      <c r="BK64" s="293"/>
      <c r="BL64" s="293"/>
      <c r="BM64" s="293"/>
      <c r="BN64" s="293"/>
      <c r="BO64" s="293"/>
      <c r="BP64" s="293"/>
      <c r="BQ64" s="293"/>
      <c r="BR64" s="293"/>
      <c r="BS64" s="293"/>
      <c r="BT64" s="293"/>
      <c r="BU64" s="293"/>
      <c r="BV64" s="293"/>
      <c r="BW64" s="293"/>
      <c r="BX64" s="293"/>
      <c r="BY64" s="293"/>
      <c r="BZ64" s="293"/>
      <c r="CA64" s="293"/>
      <c r="CB64" s="293"/>
      <c r="CC64" s="293"/>
      <c r="CD64" s="293"/>
      <c r="CE64" s="293"/>
      <c r="CF64" s="293"/>
      <c r="CG64" s="294"/>
      <c r="CH64" s="241"/>
      <c r="CI64" s="242"/>
      <c r="CJ64" s="242"/>
      <c r="CK64" s="242"/>
      <c r="CL64" s="242"/>
      <c r="CM64" s="242"/>
      <c r="CN64" s="242"/>
      <c r="CO64" s="242"/>
      <c r="CP64" s="242"/>
      <c r="CQ64" s="242"/>
      <c r="CR64" s="242"/>
      <c r="CS64" s="242"/>
      <c r="CT64" s="242"/>
      <c r="CU64" s="242"/>
      <c r="CV64" s="242"/>
      <c r="CW64" s="242"/>
      <c r="CX64" s="242"/>
      <c r="CY64" s="242"/>
      <c r="CZ64" s="242"/>
      <c r="DA64" s="242"/>
      <c r="DB64" s="242"/>
      <c r="DC64" s="242"/>
      <c r="DD64" s="242"/>
      <c r="DE64" s="242"/>
      <c r="DF64" s="242"/>
      <c r="DG64" s="242"/>
      <c r="DH64" s="242"/>
      <c r="DI64" s="244"/>
      <c r="DJ64" s="244"/>
      <c r="DK64" s="244"/>
      <c r="DL64" s="244"/>
      <c r="DM64" s="244"/>
      <c r="DN64" s="244"/>
      <c r="DO64" s="244"/>
      <c r="DP64" s="244"/>
      <c r="DQ64" s="244"/>
      <c r="DR64" s="244"/>
      <c r="DS64" s="244"/>
      <c r="DT64" s="244"/>
      <c r="DU64" s="283"/>
      <c r="DV64" s="283"/>
      <c r="DW64" s="283"/>
      <c r="DX64" s="283"/>
      <c r="DY64" s="283"/>
      <c r="DZ64" s="283"/>
      <c r="EA64" s="283"/>
      <c r="EB64" s="283"/>
      <c r="EC64" s="283"/>
      <c r="ED64" s="283"/>
      <c r="EE64" s="283"/>
      <c r="EF64" s="283"/>
      <c r="EG64" s="248"/>
      <c r="EH64" s="249"/>
      <c r="EI64" s="249"/>
      <c r="EJ64" s="249"/>
      <c r="EK64" s="249"/>
      <c r="EL64" s="249"/>
      <c r="EM64" s="249"/>
      <c r="EN64" s="249"/>
      <c r="EO64" s="249"/>
      <c r="EP64" s="249"/>
      <c r="EQ64" s="249"/>
      <c r="ER64" s="249"/>
      <c r="ES64" s="249"/>
      <c r="ET64" s="249"/>
      <c r="EU64" s="250"/>
      <c r="EV64" s="248"/>
      <c r="EW64" s="249"/>
      <c r="EX64" s="249"/>
      <c r="EY64" s="249"/>
      <c r="EZ64" s="249"/>
      <c r="FA64" s="249"/>
      <c r="FB64" s="249"/>
      <c r="FC64" s="249"/>
      <c r="FD64" s="249"/>
      <c r="FE64" s="249"/>
      <c r="FF64" s="249"/>
      <c r="FG64" s="249"/>
      <c r="FH64" s="249"/>
      <c r="FI64" s="249"/>
      <c r="FJ64" s="249"/>
      <c r="FK64" s="249"/>
      <c r="FL64" s="249"/>
      <c r="FM64" s="250"/>
      <c r="FN64" s="242"/>
      <c r="FO64" s="242"/>
      <c r="FP64" s="242"/>
      <c r="FQ64" s="242"/>
      <c r="FR64" s="242"/>
      <c r="FS64" s="242"/>
      <c r="FT64" s="242"/>
      <c r="FU64" s="242"/>
      <c r="FV64" s="242"/>
      <c r="FW64" s="242"/>
      <c r="FX64" s="242"/>
      <c r="FY64" s="242"/>
      <c r="FZ64" s="242"/>
      <c r="GA64" s="242"/>
      <c r="GB64" s="242"/>
      <c r="GC64" s="242"/>
      <c r="GD64" s="242"/>
      <c r="GE64" s="242"/>
      <c r="GF64" s="242"/>
      <c r="GG64" s="242"/>
      <c r="GH64" s="242"/>
      <c r="GI64" s="242"/>
      <c r="GJ64" s="242"/>
      <c r="GK64" s="242"/>
      <c r="GL64" s="242"/>
      <c r="GM64" s="242"/>
      <c r="GN64" s="242"/>
      <c r="GO64" s="242"/>
      <c r="GP64" s="242"/>
      <c r="GQ64" s="242"/>
      <c r="GR64" s="242"/>
      <c r="GS64" s="242"/>
      <c r="GT64" s="242"/>
      <c r="GU64" s="242"/>
      <c r="GV64" s="242"/>
      <c r="GW64" s="242"/>
      <c r="GX64" s="242"/>
      <c r="GY64" s="242"/>
      <c r="GZ64" s="242"/>
      <c r="HA64" s="242"/>
      <c r="HB64" s="242"/>
      <c r="HC64" s="242"/>
      <c r="HD64" s="242"/>
      <c r="HE64" s="242"/>
      <c r="HF64" s="242"/>
      <c r="HG64" s="242"/>
      <c r="HH64" s="242"/>
      <c r="HI64" s="242"/>
      <c r="HJ64" s="242"/>
      <c r="HK64" s="242"/>
      <c r="HL64" s="242"/>
      <c r="HM64" s="242"/>
      <c r="HN64" s="242"/>
      <c r="HO64" s="242"/>
      <c r="HP64" s="242"/>
      <c r="HQ64" s="242"/>
    </row>
    <row r="65" spans="2:225" ht="6" customHeight="1">
      <c r="B65" s="236"/>
      <c r="C65" s="236"/>
      <c r="D65" s="236"/>
      <c r="E65" s="236"/>
      <c r="F65" s="236"/>
      <c r="G65" s="236"/>
      <c r="H65" s="236"/>
      <c r="I65" s="236"/>
      <c r="J65" s="236"/>
      <c r="K65" s="236"/>
      <c r="L65" s="236"/>
      <c r="M65" s="236"/>
      <c r="N65" s="236"/>
      <c r="O65" s="236"/>
      <c r="P65" s="237"/>
      <c r="Q65" s="241"/>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c r="AS65" s="293"/>
      <c r="AT65" s="293"/>
      <c r="AU65" s="293"/>
      <c r="AV65" s="293"/>
      <c r="AW65" s="293"/>
      <c r="AX65" s="293"/>
      <c r="AY65" s="293"/>
      <c r="AZ65" s="293"/>
      <c r="BA65" s="293"/>
      <c r="BB65" s="293"/>
      <c r="BC65" s="293"/>
      <c r="BD65" s="293"/>
      <c r="BE65" s="293"/>
      <c r="BF65" s="293"/>
      <c r="BG65" s="293"/>
      <c r="BH65" s="293"/>
      <c r="BI65" s="293"/>
      <c r="BJ65" s="293"/>
      <c r="BK65" s="293"/>
      <c r="BL65" s="293"/>
      <c r="BM65" s="293"/>
      <c r="BN65" s="293"/>
      <c r="BO65" s="293"/>
      <c r="BP65" s="293"/>
      <c r="BQ65" s="293"/>
      <c r="BR65" s="293"/>
      <c r="BS65" s="293"/>
      <c r="BT65" s="293"/>
      <c r="BU65" s="293"/>
      <c r="BV65" s="293"/>
      <c r="BW65" s="293"/>
      <c r="BX65" s="293"/>
      <c r="BY65" s="293"/>
      <c r="BZ65" s="293"/>
      <c r="CA65" s="293"/>
      <c r="CB65" s="293"/>
      <c r="CC65" s="293"/>
      <c r="CD65" s="293"/>
      <c r="CE65" s="293"/>
      <c r="CF65" s="293"/>
      <c r="CG65" s="294"/>
      <c r="CH65" s="241"/>
      <c r="CI65" s="242"/>
      <c r="CJ65" s="242"/>
      <c r="CK65" s="242"/>
      <c r="CL65" s="242"/>
      <c r="CM65" s="242"/>
      <c r="CN65" s="242"/>
      <c r="CO65" s="242"/>
      <c r="CP65" s="242"/>
      <c r="CQ65" s="242"/>
      <c r="CR65" s="242"/>
      <c r="CS65" s="242"/>
      <c r="CT65" s="242"/>
      <c r="CU65" s="242"/>
      <c r="CV65" s="242"/>
      <c r="CW65" s="242"/>
      <c r="CX65" s="242"/>
      <c r="CY65" s="242"/>
      <c r="CZ65" s="242"/>
      <c r="DA65" s="242"/>
      <c r="DB65" s="242"/>
      <c r="DC65" s="242"/>
      <c r="DD65" s="242"/>
      <c r="DE65" s="242"/>
      <c r="DF65" s="242"/>
      <c r="DG65" s="242"/>
      <c r="DH65" s="242"/>
      <c r="DI65" s="244"/>
      <c r="DJ65" s="244"/>
      <c r="DK65" s="244"/>
      <c r="DL65" s="244"/>
      <c r="DM65" s="244"/>
      <c r="DN65" s="244"/>
      <c r="DO65" s="244"/>
      <c r="DP65" s="244"/>
      <c r="DQ65" s="244"/>
      <c r="DR65" s="244"/>
      <c r="DS65" s="244"/>
      <c r="DT65" s="244"/>
      <c r="DU65" s="283"/>
      <c r="DV65" s="283"/>
      <c r="DW65" s="283"/>
      <c r="DX65" s="283"/>
      <c r="DY65" s="283"/>
      <c r="DZ65" s="283"/>
      <c r="EA65" s="283"/>
      <c r="EB65" s="283"/>
      <c r="EC65" s="283"/>
      <c r="ED65" s="283"/>
      <c r="EE65" s="283"/>
      <c r="EF65" s="283"/>
      <c r="EG65" s="251"/>
      <c r="EH65" s="252"/>
      <c r="EI65" s="252"/>
      <c r="EJ65" s="252"/>
      <c r="EK65" s="252"/>
      <c r="EL65" s="252"/>
      <c r="EM65" s="252"/>
      <c r="EN65" s="252"/>
      <c r="EO65" s="252"/>
      <c r="EP65" s="252"/>
      <c r="EQ65" s="252"/>
      <c r="ER65" s="252"/>
      <c r="ES65" s="252"/>
      <c r="ET65" s="252"/>
      <c r="EU65" s="253"/>
      <c r="EV65" s="251"/>
      <c r="EW65" s="252"/>
      <c r="EX65" s="252"/>
      <c r="EY65" s="252"/>
      <c r="EZ65" s="252"/>
      <c r="FA65" s="252"/>
      <c r="FB65" s="252"/>
      <c r="FC65" s="252"/>
      <c r="FD65" s="252"/>
      <c r="FE65" s="252"/>
      <c r="FF65" s="252"/>
      <c r="FG65" s="252"/>
      <c r="FH65" s="252"/>
      <c r="FI65" s="252"/>
      <c r="FJ65" s="252"/>
      <c r="FK65" s="252"/>
      <c r="FL65" s="252"/>
      <c r="FM65" s="253"/>
      <c r="FN65" s="242"/>
      <c r="FO65" s="242"/>
      <c r="FP65" s="242"/>
      <c r="FQ65" s="242"/>
      <c r="FR65" s="242"/>
      <c r="FS65" s="242"/>
      <c r="FT65" s="242"/>
      <c r="FU65" s="242"/>
      <c r="FV65" s="242"/>
      <c r="FW65" s="242"/>
      <c r="FX65" s="242"/>
      <c r="FY65" s="242"/>
      <c r="FZ65" s="242"/>
      <c r="GA65" s="242"/>
      <c r="GB65" s="242"/>
      <c r="GC65" s="242"/>
      <c r="GD65" s="242"/>
      <c r="GE65" s="242"/>
      <c r="GF65" s="242"/>
      <c r="GG65" s="242"/>
      <c r="GH65" s="242"/>
      <c r="GI65" s="242"/>
      <c r="GJ65" s="242"/>
      <c r="GK65" s="242"/>
      <c r="GL65" s="242"/>
      <c r="GM65" s="242"/>
      <c r="GN65" s="242"/>
      <c r="GO65" s="242"/>
      <c r="GP65" s="242"/>
      <c r="GQ65" s="242"/>
      <c r="GR65" s="242"/>
      <c r="GS65" s="242"/>
      <c r="GT65" s="242"/>
      <c r="GU65" s="242"/>
      <c r="GV65" s="242"/>
      <c r="GW65" s="242"/>
      <c r="GX65" s="242"/>
      <c r="GY65" s="242"/>
      <c r="GZ65" s="242"/>
      <c r="HA65" s="242"/>
      <c r="HB65" s="242"/>
      <c r="HC65" s="242"/>
      <c r="HD65" s="242"/>
      <c r="HE65" s="242"/>
      <c r="HF65" s="242"/>
      <c r="HG65" s="242"/>
      <c r="HH65" s="242"/>
      <c r="HI65" s="242"/>
      <c r="HJ65" s="242"/>
      <c r="HK65" s="242"/>
      <c r="HL65" s="242"/>
      <c r="HM65" s="242"/>
      <c r="HN65" s="242"/>
      <c r="HO65" s="242"/>
      <c r="HP65" s="242"/>
      <c r="HQ65" s="242"/>
    </row>
    <row r="66" spans="2:225" ht="6" customHeight="1">
      <c r="B66" s="60"/>
      <c r="C66" s="60"/>
      <c r="D66" s="60"/>
      <c r="E66" s="60"/>
      <c r="F66" s="60"/>
      <c r="G66" s="60"/>
      <c r="H66" s="60"/>
      <c r="I66" s="60"/>
      <c r="J66" s="60"/>
      <c r="K66" s="60"/>
      <c r="L66" s="60"/>
      <c r="M66" s="60"/>
      <c r="N66" s="60"/>
      <c r="O66" s="60"/>
      <c r="P66" s="60"/>
      <c r="Q66" s="60"/>
      <c r="R66" s="60"/>
      <c r="S66" s="60"/>
      <c r="T66" s="60"/>
      <c r="U66" s="60"/>
      <c r="V66" s="60"/>
      <c r="W66" s="60"/>
      <c r="X66" s="60"/>
      <c r="Y66" s="60"/>
      <c r="Z66" s="60"/>
      <c r="AA66" s="60"/>
      <c r="AB66" s="60"/>
      <c r="AC66" s="60"/>
      <c r="AD66" s="60"/>
      <c r="AE66" s="60"/>
      <c r="AF66" s="60"/>
      <c r="AG66" s="60"/>
      <c r="AH66" s="60"/>
      <c r="AI66" s="60"/>
      <c r="AJ66" s="60"/>
      <c r="AK66" s="60"/>
      <c r="AL66" s="60"/>
      <c r="AM66" s="60"/>
      <c r="AN66" s="60"/>
      <c r="AO66" s="60"/>
      <c r="AP66" s="60"/>
      <c r="AQ66" s="60"/>
      <c r="AR66" s="60"/>
      <c r="AS66" s="60"/>
      <c r="AT66" s="60"/>
      <c r="AU66" s="60"/>
      <c r="AV66" s="60"/>
      <c r="AW66" s="60"/>
      <c r="AX66" s="60"/>
      <c r="AY66" s="60"/>
      <c r="AZ66" s="60"/>
      <c r="BA66" s="60"/>
      <c r="BB66" s="60"/>
      <c r="BC66" s="60"/>
      <c r="BD66" s="60"/>
      <c r="BE66" s="60"/>
      <c r="BF66" s="60"/>
      <c r="BG66" s="60"/>
      <c r="BH66" s="60"/>
      <c r="BI66" s="60"/>
      <c r="BJ66" s="60"/>
      <c r="BK66" s="60"/>
      <c r="BL66" s="60"/>
      <c r="BM66" s="60"/>
      <c r="BN66" s="60"/>
      <c r="BO66" s="60"/>
      <c r="BP66" s="60"/>
      <c r="BQ66" s="60"/>
      <c r="BR66" s="60"/>
      <c r="BS66" s="60"/>
      <c r="BT66" s="60"/>
      <c r="BU66" s="60"/>
      <c r="BV66" s="60"/>
      <c r="BW66" s="60"/>
      <c r="BX66" s="60"/>
      <c r="BY66" s="60"/>
      <c r="BZ66" s="60"/>
      <c r="CA66" s="60"/>
      <c r="CB66" s="60"/>
      <c r="CC66" s="60"/>
      <c r="CD66" s="60"/>
      <c r="CE66" s="60"/>
      <c r="CF66" s="60"/>
      <c r="CG66" s="60"/>
      <c r="CH66" s="60"/>
      <c r="CI66" s="60"/>
      <c r="CJ66" s="60"/>
      <c r="CK66" s="60"/>
      <c r="CL66" s="60"/>
      <c r="CM66" s="60"/>
      <c r="CN66" s="60"/>
      <c r="CO66" s="60"/>
      <c r="CP66" s="60"/>
      <c r="CQ66" s="60"/>
      <c r="CR66" s="60"/>
      <c r="CS66" s="60"/>
      <c r="CT66" s="60"/>
      <c r="CU66" s="60"/>
      <c r="CV66" s="60"/>
      <c r="CW66" s="60"/>
      <c r="CX66" s="60"/>
      <c r="CY66" s="60"/>
      <c r="CZ66" s="60"/>
      <c r="DA66" s="60"/>
      <c r="DB66" s="60"/>
      <c r="DC66" s="60"/>
      <c r="DD66" s="60"/>
      <c r="DE66" s="60"/>
      <c r="DF66" s="60"/>
      <c r="DG66" s="60"/>
      <c r="DH66" s="60"/>
      <c r="DI66" s="60"/>
      <c r="DJ66" s="60"/>
      <c r="DK66" s="60"/>
      <c r="DL66" s="60"/>
      <c r="DM66" s="60"/>
      <c r="DN66" s="60"/>
      <c r="DO66" s="60"/>
      <c r="DP66" s="60"/>
      <c r="DQ66" s="60"/>
      <c r="DR66" s="60"/>
      <c r="DS66" s="60"/>
      <c r="DT66" s="60"/>
      <c r="DU66" s="60"/>
      <c r="DV66" s="60"/>
      <c r="DW66" s="60"/>
      <c r="DX66" s="60"/>
      <c r="DY66" s="60"/>
      <c r="DZ66" s="60"/>
      <c r="EA66" s="60"/>
      <c r="EB66" s="60"/>
      <c r="EC66" s="60"/>
      <c r="ED66" s="307" t="s">
        <v>50</v>
      </c>
      <c r="EE66" s="307"/>
      <c r="EF66" s="307"/>
      <c r="EG66" s="307"/>
      <c r="EH66" s="307"/>
      <c r="EI66" s="307"/>
      <c r="EJ66" s="307"/>
      <c r="EK66" s="307"/>
      <c r="EL66" s="307"/>
      <c r="EM66" s="307"/>
      <c r="EN66" s="307"/>
      <c r="EO66" s="307"/>
      <c r="EP66" s="307"/>
      <c r="EQ66" s="307"/>
      <c r="ER66" s="307"/>
      <c r="ES66" s="307"/>
      <c r="ET66" s="307"/>
      <c r="EU66" s="307"/>
      <c r="EV66" s="307"/>
      <c r="EW66" s="307"/>
      <c r="EX66" s="307"/>
      <c r="EY66" s="307"/>
      <c r="EZ66" s="307"/>
      <c r="FA66" s="307"/>
      <c r="FB66" s="307"/>
      <c r="FC66" s="307"/>
      <c r="FD66" s="307"/>
      <c r="FE66" s="307"/>
      <c r="FF66" s="307"/>
      <c r="FG66" s="307"/>
      <c r="FH66" s="307"/>
      <c r="FI66" s="307"/>
      <c r="FJ66" s="307"/>
      <c r="FK66" s="307"/>
      <c r="FL66" s="307"/>
      <c r="FM66" s="307"/>
      <c r="FN66" s="242"/>
      <c r="FO66" s="242"/>
      <c r="FP66" s="242"/>
      <c r="FQ66" s="242"/>
      <c r="FR66" s="242"/>
      <c r="FS66" s="242"/>
      <c r="FT66" s="242"/>
      <c r="FU66" s="242"/>
      <c r="FV66" s="242"/>
      <c r="FW66" s="242"/>
      <c r="FX66" s="242"/>
      <c r="FY66" s="242"/>
      <c r="FZ66" s="242"/>
      <c r="GA66" s="242"/>
      <c r="GB66" s="242"/>
      <c r="GC66" s="242"/>
      <c r="GD66" s="242"/>
      <c r="GE66" s="242"/>
      <c r="GF66" s="242"/>
      <c r="GG66" s="242"/>
      <c r="GH66" s="242"/>
      <c r="GI66" s="242"/>
      <c r="GJ66" s="242"/>
      <c r="GK66" s="242"/>
      <c r="GL66" s="242"/>
      <c r="GM66" s="242"/>
      <c r="GN66" s="242"/>
      <c r="GO66" s="242"/>
      <c r="GP66" s="308"/>
      <c r="GQ66" s="309" t="s">
        <v>35</v>
      </c>
      <c r="GR66" s="310"/>
      <c r="GS66" s="310"/>
      <c r="GT66" s="310"/>
      <c r="GU66" s="310"/>
      <c r="GV66" s="310"/>
      <c r="GW66" s="310"/>
      <c r="GX66" s="310"/>
      <c r="GY66" s="310"/>
      <c r="GZ66" s="310"/>
      <c r="HA66" s="310"/>
      <c r="HB66" s="310"/>
      <c r="HC66" s="310"/>
      <c r="HD66" s="310"/>
      <c r="HE66" s="310"/>
      <c r="HF66" s="310"/>
      <c r="HG66" s="310"/>
      <c r="HH66" s="310"/>
      <c r="HI66" s="310"/>
      <c r="HJ66" s="310"/>
      <c r="HK66" s="310"/>
      <c r="HL66" s="310"/>
      <c r="HM66" s="310"/>
      <c r="HN66" s="310"/>
      <c r="HO66" s="310"/>
      <c r="HP66" s="311"/>
      <c r="HQ66" s="312"/>
    </row>
    <row r="67" spans="2:225" ht="6" customHeight="1">
      <c r="EA67" s="60"/>
      <c r="EB67" s="60"/>
      <c r="EC67" s="60"/>
      <c r="ED67" s="307"/>
      <c r="EE67" s="307"/>
      <c r="EF67" s="307"/>
      <c r="EG67" s="307"/>
      <c r="EH67" s="307"/>
      <c r="EI67" s="307"/>
      <c r="EJ67" s="307"/>
      <c r="EK67" s="307"/>
      <c r="EL67" s="307"/>
      <c r="EM67" s="307"/>
      <c r="EN67" s="307"/>
      <c r="EO67" s="307"/>
      <c r="EP67" s="307"/>
      <c r="EQ67" s="307"/>
      <c r="ER67" s="307"/>
      <c r="ES67" s="307"/>
      <c r="ET67" s="307"/>
      <c r="EU67" s="307"/>
      <c r="EV67" s="307"/>
      <c r="EW67" s="307"/>
      <c r="EX67" s="307"/>
      <c r="EY67" s="307"/>
      <c r="EZ67" s="307"/>
      <c r="FA67" s="307"/>
      <c r="FB67" s="307"/>
      <c r="FC67" s="307"/>
      <c r="FD67" s="307"/>
      <c r="FE67" s="307"/>
      <c r="FF67" s="307"/>
      <c r="FG67" s="307"/>
      <c r="FH67" s="307"/>
      <c r="FI67" s="307"/>
      <c r="FJ67" s="307"/>
      <c r="FK67" s="307"/>
      <c r="FL67" s="307"/>
      <c r="FM67" s="307"/>
      <c r="FN67" s="242"/>
      <c r="FO67" s="242"/>
      <c r="FP67" s="242"/>
      <c r="FQ67" s="242"/>
      <c r="FR67" s="242"/>
      <c r="FS67" s="242"/>
      <c r="FT67" s="242"/>
      <c r="FU67" s="242"/>
      <c r="FV67" s="242"/>
      <c r="FW67" s="242"/>
      <c r="FX67" s="242"/>
      <c r="FY67" s="242"/>
      <c r="FZ67" s="242"/>
      <c r="GA67" s="242"/>
      <c r="GB67" s="242"/>
      <c r="GC67" s="242"/>
      <c r="GD67" s="242"/>
      <c r="GE67" s="242"/>
      <c r="GF67" s="242"/>
      <c r="GG67" s="242"/>
      <c r="GH67" s="242"/>
      <c r="GI67" s="242"/>
      <c r="GJ67" s="242"/>
      <c r="GK67" s="242"/>
      <c r="GL67" s="242"/>
      <c r="GM67" s="242"/>
      <c r="GN67" s="242"/>
      <c r="GO67" s="242"/>
      <c r="GP67" s="308"/>
      <c r="GQ67" s="309"/>
      <c r="GR67" s="310"/>
      <c r="GS67" s="310"/>
      <c r="GT67" s="310"/>
      <c r="GU67" s="310"/>
      <c r="GV67" s="310"/>
      <c r="GW67" s="310"/>
      <c r="GX67" s="310"/>
      <c r="GY67" s="310"/>
      <c r="GZ67" s="310"/>
      <c r="HA67" s="310"/>
      <c r="HB67" s="310"/>
      <c r="HC67" s="310"/>
      <c r="HD67" s="310"/>
      <c r="HE67" s="310"/>
      <c r="HF67" s="310"/>
      <c r="HG67" s="310"/>
      <c r="HH67" s="310"/>
      <c r="HI67" s="310"/>
      <c r="HJ67" s="310"/>
      <c r="HK67" s="310"/>
      <c r="HL67" s="310"/>
      <c r="HM67" s="310"/>
      <c r="HN67" s="310"/>
      <c r="HO67" s="310"/>
      <c r="HP67" s="311"/>
      <c r="HQ67" s="312"/>
    </row>
    <row r="68" spans="2:225" ht="6" customHeight="1">
      <c r="B68" s="313" t="s">
        <v>51</v>
      </c>
      <c r="C68" s="314"/>
      <c r="D68" s="314"/>
      <c r="E68" s="314"/>
      <c r="F68" s="314"/>
      <c r="G68" s="314"/>
      <c r="H68" s="314"/>
      <c r="I68" s="314"/>
      <c r="J68" s="314"/>
      <c r="K68" s="314"/>
      <c r="L68" s="314"/>
      <c r="M68" s="314"/>
      <c r="N68" s="314"/>
      <c r="O68" s="314"/>
      <c r="P68" s="314"/>
      <c r="Q68" s="314"/>
      <c r="R68" s="314"/>
      <c r="S68" s="314"/>
      <c r="T68" s="314"/>
      <c r="U68" s="314"/>
      <c r="V68" s="314"/>
      <c r="W68" s="314"/>
      <c r="X68" s="314"/>
      <c r="Y68" s="315"/>
      <c r="Z68" s="313" t="s">
        <v>52</v>
      </c>
      <c r="AA68" s="314"/>
      <c r="AB68" s="314"/>
      <c r="AC68" s="314"/>
      <c r="AD68" s="314"/>
      <c r="AE68" s="314"/>
      <c r="AF68" s="314"/>
      <c r="AG68" s="314"/>
      <c r="AH68" s="314"/>
      <c r="AI68" s="314"/>
      <c r="AJ68" s="314"/>
      <c r="AK68" s="314"/>
      <c r="AL68" s="314"/>
      <c r="AM68" s="314"/>
      <c r="AN68" s="314"/>
      <c r="AO68" s="314"/>
      <c r="AP68" s="314"/>
      <c r="AQ68" s="314"/>
      <c r="AR68" s="314"/>
      <c r="AS68" s="314"/>
      <c r="AT68" s="314"/>
      <c r="AU68" s="314"/>
      <c r="AV68" s="314"/>
      <c r="AW68" s="314"/>
      <c r="AX68" s="314"/>
      <c r="AY68" s="314"/>
      <c r="AZ68" s="314"/>
      <c r="BA68" s="314"/>
      <c r="BB68" s="314"/>
      <c r="BC68" s="314"/>
      <c r="BD68" s="314"/>
      <c r="BE68" s="314"/>
      <c r="BF68" s="314"/>
      <c r="BG68" s="314"/>
      <c r="BH68" s="314"/>
      <c r="BI68" s="314"/>
      <c r="BJ68" s="315"/>
      <c r="BK68" s="314" t="s">
        <v>53</v>
      </c>
      <c r="BL68" s="314"/>
      <c r="BM68" s="314"/>
      <c r="BN68" s="314"/>
      <c r="BO68" s="314"/>
      <c r="BP68" s="314"/>
      <c r="BQ68" s="314"/>
      <c r="BR68" s="314"/>
      <c r="BS68" s="314"/>
      <c r="BT68" s="314"/>
      <c r="BU68" s="314"/>
      <c r="BV68" s="314"/>
      <c r="BW68" s="314"/>
      <c r="BX68" s="314"/>
      <c r="BY68" s="314"/>
      <c r="BZ68" s="314"/>
      <c r="CA68" s="314"/>
      <c r="CB68" s="314"/>
      <c r="CC68" s="314"/>
      <c r="CD68" s="314"/>
      <c r="CE68" s="314"/>
      <c r="CF68" s="314"/>
      <c r="CG68" s="314"/>
      <c r="CH68" s="314"/>
      <c r="CI68" s="315"/>
      <c r="CJ68" s="319" t="s">
        <v>54</v>
      </c>
      <c r="CK68" s="320"/>
      <c r="CL68" s="320"/>
      <c r="CM68" s="320"/>
      <c r="CN68" s="320"/>
      <c r="CO68" s="320"/>
      <c r="CP68" s="320"/>
      <c r="CQ68" s="320"/>
      <c r="CR68" s="320"/>
      <c r="CS68" s="320"/>
      <c r="CT68" s="320"/>
      <c r="CU68" s="320"/>
      <c r="CV68" s="320"/>
      <c r="CW68" s="320"/>
      <c r="CX68" s="320"/>
      <c r="CY68" s="320"/>
      <c r="CZ68" s="320"/>
      <c r="DA68" s="320"/>
      <c r="DB68" s="320"/>
      <c r="DC68" s="320"/>
      <c r="DD68" s="320"/>
      <c r="DE68" s="320"/>
      <c r="DF68" s="320"/>
      <c r="DG68" s="320"/>
      <c r="DH68" s="320"/>
      <c r="DI68" s="320"/>
      <c r="DJ68" s="321"/>
      <c r="DK68" s="325" t="s">
        <v>55</v>
      </c>
      <c r="DL68" s="326"/>
      <c r="DM68" s="326"/>
      <c r="DN68" s="326"/>
      <c r="DO68" s="326"/>
      <c r="DP68" s="326"/>
      <c r="DQ68" s="326"/>
      <c r="DR68" s="326"/>
      <c r="DS68" s="326"/>
      <c r="DT68" s="326"/>
      <c r="DU68" s="326"/>
      <c r="DV68" s="326"/>
      <c r="DW68" s="326"/>
      <c r="DX68" s="326"/>
      <c r="DY68" s="326"/>
      <c r="DZ68" s="327"/>
      <c r="EA68" s="60"/>
      <c r="EB68" s="60"/>
      <c r="EC68" s="60"/>
      <c r="ED68" s="307"/>
      <c r="EE68" s="307"/>
      <c r="EF68" s="307"/>
      <c r="EG68" s="307"/>
      <c r="EH68" s="307"/>
      <c r="EI68" s="307"/>
      <c r="EJ68" s="307"/>
      <c r="EK68" s="307"/>
      <c r="EL68" s="307"/>
      <c r="EM68" s="307"/>
      <c r="EN68" s="307"/>
      <c r="EO68" s="307"/>
      <c r="EP68" s="307"/>
      <c r="EQ68" s="307"/>
      <c r="ER68" s="307"/>
      <c r="ES68" s="307"/>
      <c r="ET68" s="307"/>
      <c r="EU68" s="307"/>
      <c r="EV68" s="307"/>
      <c r="EW68" s="307"/>
      <c r="EX68" s="307"/>
      <c r="EY68" s="307"/>
      <c r="EZ68" s="307"/>
      <c r="FA68" s="307"/>
      <c r="FB68" s="307"/>
      <c r="FC68" s="307"/>
      <c r="FD68" s="307"/>
      <c r="FE68" s="307"/>
      <c r="FF68" s="307"/>
      <c r="FG68" s="307"/>
      <c r="FH68" s="307"/>
      <c r="FI68" s="307"/>
      <c r="FJ68" s="307"/>
      <c r="FK68" s="307"/>
      <c r="FL68" s="307"/>
      <c r="FM68" s="307"/>
      <c r="FN68" s="242"/>
      <c r="FO68" s="242"/>
      <c r="FP68" s="242"/>
      <c r="FQ68" s="242"/>
      <c r="FR68" s="242"/>
      <c r="FS68" s="242"/>
      <c r="FT68" s="242"/>
      <c r="FU68" s="242"/>
      <c r="FV68" s="242"/>
      <c r="FW68" s="242"/>
      <c r="FX68" s="242"/>
      <c r="FY68" s="242"/>
      <c r="FZ68" s="242"/>
      <c r="GA68" s="242"/>
      <c r="GB68" s="242"/>
      <c r="GC68" s="242"/>
      <c r="GD68" s="242"/>
      <c r="GE68" s="242"/>
      <c r="GF68" s="242"/>
      <c r="GG68" s="242"/>
      <c r="GH68" s="242"/>
      <c r="GI68" s="242"/>
      <c r="GJ68" s="242"/>
      <c r="GK68" s="242"/>
      <c r="GL68" s="242"/>
      <c r="GM68" s="242"/>
      <c r="GN68" s="242"/>
      <c r="GO68" s="242"/>
      <c r="GP68" s="308"/>
      <c r="GQ68" s="309"/>
      <c r="GR68" s="310"/>
      <c r="GS68" s="310"/>
      <c r="GT68" s="310"/>
      <c r="GU68" s="310"/>
      <c r="GV68" s="310"/>
      <c r="GW68" s="310"/>
      <c r="GX68" s="310"/>
      <c r="GY68" s="310"/>
      <c r="GZ68" s="310"/>
      <c r="HA68" s="310"/>
      <c r="HB68" s="310"/>
      <c r="HC68" s="310"/>
      <c r="HD68" s="310"/>
      <c r="HE68" s="310"/>
      <c r="HF68" s="310"/>
      <c r="HG68" s="310"/>
      <c r="HH68" s="310"/>
      <c r="HI68" s="310"/>
      <c r="HJ68" s="310"/>
      <c r="HK68" s="310"/>
      <c r="HL68" s="310"/>
      <c r="HM68" s="310"/>
      <c r="HN68" s="310"/>
      <c r="HO68" s="310"/>
      <c r="HP68" s="311"/>
      <c r="HQ68" s="312"/>
    </row>
    <row r="69" spans="2:225" ht="6" customHeight="1">
      <c r="B69" s="316"/>
      <c r="C69" s="317"/>
      <c r="D69" s="317"/>
      <c r="E69" s="317"/>
      <c r="F69" s="317"/>
      <c r="G69" s="317"/>
      <c r="H69" s="317"/>
      <c r="I69" s="317"/>
      <c r="J69" s="317"/>
      <c r="K69" s="317"/>
      <c r="L69" s="317"/>
      <c r="M69" s="317"/>
      <c r="N69" s="317"/>
      <c r="O69" s="317"/>
      <c r="P69" s="317"/>
      <c r="Q69" s="317"/>
      <c r="R69" s="317"/>
      <c r="S69" s="317"/>
      <c r="T69" s="317"/>
      <c r="U69" s="317"/>
      <c r="V69" s="317"/>
      <c r="W69" s="317"/>
      <c r="X69" s="317"/>
      <c r="Y69" s="318"/>
      <c r="Z69" s="316"/>
      <c r="AA69" s="317"/>
      <c r="AB69" s="317"/>
      <c r="AC69" s="317"/>
      <c r="AD69" s="317"/>
      <c r="AE69" s="317"/>
      <c r="AF69" s="317"/>
      <c r="AG69" s="317"/>
      <c r="AH69" s="317"/>
      <c r="AI69" s="317"/>
      <c r="AJ69" s="317"/>
      <c r="AK69" s="317"/>
      <c r="AL69" s="317"/>
      <c r="AM69" s="317"/>
      <c r="AN69" s="317"/>
      <c r="AO69" s="317"/>
      <c r="AP69" s="317"/>
      <c r="AQ69" s="317"/>
      <c r="AR69" s="317"/>
      <c r="AS69" s="317"/>
      <c r="AT69" s="317"/>
      <c r="AU69" s="317"/>
      <c r="AV69" s="317"/>
      <c r="AW69" s="317"/>
      <c r="AX69" s="317"/>
      <c r="AY69" s="317"/>
      <c r="AZ69" s="317"/>
      <c r="BA69" s="317"/>
      <c r="BB69" s="317"/>
      <c r="BC69" s="317"/>
      <c r="BD69" s="317"/>
      <c r="BE69" s="317"/>
      <c r="BF69" s="317"/>
      <c r="BG69" s="317"/>
      <c r="BH69" s="317"/>
      <c r="BI69" s="317"/>
      <c r="BJ69" s="318"/>
      <c r="BK69" s="317"/>
      <c r="BL69" s="317"/>
      <c r="BM69" s="317"/>
      <c r="BN69" s="317"/>
      <c r="BO69" s="317"/>
      <c r="BP69" s="317"/>
      <c r="BQ69" s="317"/>
      <c r="BR69" s="317"/>
      <c r="BS69" s="317"/>
      <c r="BT69" s="317"/>
      <c r="BU69" s="317"/>
      <c r="BV69" s="317"/>
      <c r="BW69" s="317"/>
      <c r="BX69" s="317"/>
      <c r="BY69" s="317"/>
      <c r="BZ69" s="317"/>
      <c r="CA69" s="317"/>
      <c r="CB69" s="317"/>
      <c r="CC69" s="317"/>
      <c r="CD69" s="317"/>
      <c r="CE69" s="317"/>
      <c r="CF69" s="317"/>
      <c r="CG69" s="317"/>
      <c r="CH69" s="317"/>
      <c r="CI69" s="318"/>
      <c r="CJ69" s="322"/>
      <c r="CK69" s="323"/>
      <c r="CL69" s="323"/>
      <c r="CM69" s="323"/>
      <c r="CN69" s="323"/>
      <c r="CO69" s="323"/>
      <c r="CP69" s="323"/>
      <c r="CQ69" s="323"/>
      <c r="CR69" s="323"/>
      <c r="CS69" s="323"/>
      <c r="CT69" s="323"/>
      <c r="CU69" s="323"/>
      <c r="CV69" s="323"/>
      <c r="CW69" s="323"/>
      <c r="CX69" s="323"/>
      <c r="CY69" s="323"/>
      <c r="CZ69" s="323"/>
      <c r="DA69" s="323"/>
      <c r="DB69" s="323"/>
      <c r="DC69" s="323"/>
      <c r="DD69" s="323"/>
      <c r="DE69" s="323"/>
      <c r="DF69" s="323"/>
      <c r="DG69" s="323"/>
      <c r="DH69" s="323"/>
      <c r="DI69" s="323"/>
      <c r="DJ69" s="324"/>
      <c r="DK69" s="325"/>
      <c r="DL69" s="326"/>
      <c r="DM69" s="326"/>
      <c r="DN69" s="326"/>
      <c r="DO69" s="326"/>
      <c r="DP69" s="326"/>
      <c r="DQ69" s="326"/>
      <c r="DR69" s="326"/>
      <c r="DS69" s="326"/>
      <c r="DT69" s="326"/>
      <c r="DU69" s="326"/>
      <c r="DV69" s="326"/>
      <c r="DW69" s="326"/>
      <c r="DX69" s="326"/>
      <c r="DY69" s="326"/>
      <c r="DZ69" s="327"/>
      <c r="EA69" s="60"/>
      <c r="EB69" s="60"/>
      <c r="EC69" s="60"/>
      <c r="ED69" s="307"/>
      <c r="EE69" s="307"/>
      <c r="EF69" s="307"/>
      <c r="EG69" s="307"/>
      <c r="EH69" s="307"/>
      <c r="EI69" s="307"/>
      <c r="EJ69" s="307"/>
      <c r="EK69" s="307"/>
      <c r="EL69" s="307"/>
      <c r="EM69" s="307"/>
      <c r="EN69" s="307"/>
      <c r="EO69" s="307"/>
      <c r="EP69" s="307"/>
      <c r="EQ69" s="307"/>
      <c r="ER69" s="307"/>
      <c r="ES69" s="307"/>
      <c r="ET69" s="307"/>
      <c r="EU69" s="307"/>
      <c r="EV69" s="307"/>
      <c r="EW69" s="307"/>
      <c r="EX69" s="307"/>
      <c r="EY69" s="307"/>
      <c r="EZ69" s="307"/>
      <c r="FA69" s="307"/>
      <c r="FB69" s="307"/>
      <c r="FC69" s="307"/>
      <c r="FD69" s="307"/>
      <c r="FE69" s="307"/>
      <c r="FF69" s="307"/>
      <c r="FG69" s="307"/>
      <c r="FH69" s="307"/>
      <c r="FI69" s="307"/>
      <c r="FJ69" s="307"/>
      <c r="FK69" s="307"/>
      <c r="FL69" s="307"/>
      <c r="FM69" s="307"/>
      <c r="FN69" s="242"/>
      <c r="FO69" s="242"/>
      <c r="FP69" s="242"/>
      <c r="FQ69" s="242"/>
      <c r="FR69" s="242"/>
      <c r="FS69" s="242"/>
      <c r="FT69" s="242"/>
      <c r="FU69" s="242"/>
      <c r="FV69" s="242"/>
      <c r="FW69" s="242"/>
      <c r="FX69" s="242"/>
      <c r="FY69" s="242"/>
      <c r="FZ69" s="242"/>
      <c r="GA69" s="242"/>
      <c r="GB69" s="242"/>
      <c r="GC69" s="242"/>
      <c r="GD69" s="242"/>
      <c r="GE69" s="242"/>
      <c r="GF69" s="242"/>
      <c r="GG69" s="242"/>
      <c r="GH69" s="242"/>
      <c r="GI69" s="242"/>
      <c r="GJ69" s="242"/>
      <c r="GK69" s="242"/>
      <c r="GL69" s="242"/>
      <c r="GM69" s="242"/>
      <c r="GN69" s="242"/>
      <c r="GO69" s="242"/>
      <c r="GP69" s="308"/>
      <c r="GQ69" s="309"/>
      <c r="GR69" s="310"/>
      <c r="GS69" s="310"/>
      <c r="GT69" s="310"/>
      <c r="GU69" s="310"/>
      <c r="GV69" s="310"/>
      <c r="GW69" s="310"/>
      <c r="GX69" s="310"/>
      <c r="GY69" s="310"/>
      <c r="GZ69" s="310"/>
      <c r="HA69" s="310"/>
      <c r="HB69" s="310"/>
      <c r="HC69" s="310"/>
      <c r="HD69" s="310"/>
      <c r="HE69" s="310"/>
      <c r="HF69" s="310"/>
      <c r="HG69" s="310"/>
      <c r="HH69" s="310"/>
      <c r="HI69" s="310"/>
      <c r="HJ69" s="310"/>
      <c r="HK69" s="310"/>
      <c r="HL69" s="310"/>
      <c r="HM69" s="310"/>
      <c r="HN69" s="310"/>
      <c r="HO69" s="310"/>
      <c r="HP69" s="311"/>
      <c r="HQ69" s="312"/>
    </row>
    <row r="70" spans="2:225" ht="6" customHeight="1">
      <c r="B70" s="363" t="s">
        <v>56</v>
      </c>
      <c r="C70" s="295"/>
      <c r="D70" s="295"/>
      <c r="E70" s="295"/>
      <c r="F70" s="295"/>
      <c r="G70" s="295"/>
      <c r="H70" s="295" t="s">
        <v>57</v>
      </c>
      <c r="I70" s="295"/>
      <c r="J70" s="295"/>
      <c r="K70" s="295"/>
      <c r="L70" s="295"/>
      <c r="M70" s="295"/>
      <c r="N70" s="295" t="s">
        <v>58</v>
      </c>
      <c r="O70" s="295"/>
      <c r="P70" s="295"/>
      <c r="Q70" s="295"/>
      <c r="R70" s="295"/>
      <c r="S70" s="295"/>
      <c r="T70" s="295" t="s">
        <v>59</v>
      </c>
      <c r="U70" s="295"/>
      <c r="V70" s="295"/>
      <c r="W70" s="295"/>
      <c r="X70" s="295"/>
      <c r="Y70" s="296"/>
      <c r="Z70" s="301"/>
      <c r="AA70" s="304"/>
      <c r="AB70" s="304"/>
      <c r="AC70" s="304"/>
      <c r="AD70" s="304"/>
      <c r="AE70" s="304"/>
      <c r="AF70" s="304"/>
      <c r="AG70" s="304"/>
      <c r="AH70" s="304"/>
      <c r="AI70" s="304"/>
      <c r="AJ70" s="304"/>
      <c r="AK70" s="304"/>
      <c r="AL70" s="304"/>
      <c r="AM70" s="304"/>
      <c r="AN70" s="304"/>
      <c r="AO70" s="304"/>
      <c r="AP70" s="304"/>
      <c r="AQ70" s="304"/>
      <c r="AR70" s="304"/>
      <c r="AS70" s="304"/>
      <c r="AT70" s="304"/>
      <c r="AU70" s="304"/>
      <c r="AV70" s="304"/>
      <c r="AW70" s="304"/>
      <c r="AX70" s="304"/>
      <c r="AY70" s="304"/>
      <c r="AZ70" s="304"/>
      <c r="BA70" s="304"/>
      <c r="BB70" s="304"/>
      <c r="BC70" s="304"/>
      <c r="BD70" s="304"/>
      <c r="BE70" s="304"/>
      <c r="BF70" s="304"/>
      <c r="BG70" s="304"/>
      <c r="BH70" s="304"/>
      <c r="BI70" s="304"/>
      <c r="BJ70" s="336"/>
      <c r="BK70" s="358"/>
      <c r="BL70" s="304"/>
      <c r="BM70" s="304"/>
      <c r="BN70" s="304"/>
      <c r="BO70" s="304"/>
      <c r="BP70" s="304"/>
      <c r="BQ70" s="304"/>
      <c r="BR70" s="304"/>
      <c r="BS70" s="304"/>
      <c r="BT70" s="304"/>
      <c r="BU70" s="304"/>
      <c r="BV70" s="304"/>
      <c r="BW70" s="304"/>
      <c r="BX70" s="304"/>
      <c r="BY70" s="304"/>
      <c r="BZ70" s="304"/>
      <c r="CA70" s="304"/>
      <c r="CB70" s="304"/>
      <c r="CC70" s="304"/>
      <c r="CD70" s="304"/>
      <c r="CE70" s="304"/>
      <c r="CF70" s="304"/>
      <c r="CG70" s="304"/>
      <c r="CH70" s="304"/>
      <c r="CI70" s="359"/>
      <c r="CJ70" s="360"/>
      <c r="CK70" s="338"/>
      <c r="CL70" s="338"/>
      <c r="CM70" s="338"/>
      <c r="CN70" s="338"/>
      <c r="CO70" s="338"/>
      <c r="CP70" s="338"/>
      <c r="CQ70" s="338"/>
      <c r="CR70" s="346"/>
      <c r="CS70" s="349"/>
      <c r="CT70" s="338"/>
      <c r="CU70" s="338"/>
      <c r="CV70" s="338"/>
      <c r="CW70" s="338"/>
      <c r="CX70" s="338"/>
      <c r="CY70" s="338"/>
      <c r="CZ70" s="338"/>
      <c r="DA70" s="352"/>
      <c r="DB70" s="355"/>
      <c r="DC70" s="338"/>
      <c r="DD70" s="338"/>
      <c r="DE70" s="338"/>
      <c r="DF70" s="338"/>
      <c r="DG70" s="338"/>
      <c r="DH70" s="338"/>
      <c r="DI70" s="338"/>
      <c r="DJ70" s="339"/>
      <c r="DK70" s="344"/>
      <c r="DL70" s="374"/>
      <c r="DM70" s="374"/>
      <c r="DN70" s="374"/>
      <c r="DO70" s="374"/>
      <c r="DP70" s="374"/>
      <c r="DQ70" s="374"/>
      <c r="DR70" s="374"/>
      <c r="DS70" s="374"/>
      <c r="DT70" s="374"/>
      <c r="DU70" s="374"/>
      <c r="DV70" s="374"/>
      <c r="DW70" s="374"/>
      <c r="DX70" s="374"/>
      <c r="DY70" s="374"/>
      <c r="DZ70" s="375"/>
      <c r="EA70" s="60"/>
      <c r="EB70" s="60"/>
      <c r="EC70" s="60"/>
      <c r="ED70" s="307" t="s">
        <v>49</v>
      </c>
      <c r="EE70" s="307"/>
      <c r="EF70" s="307"/>
      <c r="EG70" s="307"/>
      <c r="EH70" s="307"/>
      <c r="EI70" s="307"/>
      <c r="EJ70" s="307"/>
      <c r="EK70" s="307"/>
      <c r="EL70" s="307"/>
      <c r="EM70" s="307"/>
      <c r="EN70" s="307"/>
      <c r="EO70" s="307"/>
      <c r="EP70" s="307"/>
      <c r="EQ70" s="307"/>
      <c r="ER70" s="307"/>
      <c r="ES70" s="307"/>
      <c r="ET70" s="307"/>
      <c r="EU70" s="307"/>
      <c r="EV70" s="307"/>
      <c r="EW70" s="307"/>
      <c r="EX70" s="307"/>
      <c r="EY70" s="307"/>
      <c r="EZ70" s="307"/>
      <c r="FA70" s="307"/>
      <c r="FB70" s="307"/>
      <c r="FC70" s="307"/>
      <c r="FD70" s="307"/>
      <c r="FE70" s="307"/>
      <c r="FF70" s="307"/>
      <c r="FG70" s="307"/>
      <c r="FH70" s="307"/>
      <c r="FI70" s="307"/>
      <c r="FJ70" s="307"/>
      <c r="FK70" s="307"/>
      <c r="FL70" s="307"/>
      <c r="FM70" s="307"/>
      <c r="FN70" s="242"/>
      <c r="FO70" s="242"/>
      <c r="FP70" s="242"/>
      <c r="FQ70" s="242"/>
      <c r="FR70" s="242"/>
      <c r="FS70" s="242"/>
      <c r="FT70" s="242"/>
      <c r="FU70" s="242"/>
      <c r="FV70" s="242"/>
      <c r="FW70" s="242"/>
      <c r="FX70" s="242"/>
      <c r="FY70" s="242"/>
      <c r="FZ70" s="242"/>
      <c r="GA70" s="242"/>
      <c r="GB70" s="242"/>
      <c r="GC70" s="242"/>
      <c r="GD70" s="242"/>
      <c r="GE70" s="242"/>
      <c r="GF70" s="242"/>
      <c r="GG70" s="242"/>
      <c r="GH70" s="242"/>
      <c r="GI70" s="242"/>
      <c r="GJ70" s="242"/>
      <c r="GK70" s="242"/>
      <c r="GL70" s="242"/>
      <c r="GM70" s="242"/>
      <c r="GN70" s="242"/>
      <c r="GO70" s="242"/>
      <c r="GP70" s="308"/>
      <c r="GQ70" s="309" t="s">
        <v>36</v>
      </c>
      <c r="GR70" s="310"/>
      <c r="GS70" s="310"/>
      <c r="GT70" s="310"/>
      <c r="GU70" s="310"/>
      <c r="GV70" s="310"/>
      <c r="GW70" s="310"/>
      <c r="GX70" s="310"/>
      <c r="GY70" s="310"/>
      <c r="GZ70" s="310"/>
      <c r="HA70" s="310"/>
      <c r="HB70" s="310"/>
      <c r="HC70" s="310"/>
      <c r="HD70" s="310"/>
      <c r="HE70" s="310"/>
      <c r="HF70" s="310"/>
      <c r="HG70" s="310"/>
      <c r="HH70" s="310"/>
      <c r="HI70" s="310"/>
      <c r="HJ70" s="310"/>
      <c r="HK70" s="310"/>
      <c r="HL70" s="310"/>
      <c r="HM70" s="310"/>
      <c r="HN70" s="310"/>
      <c r="HO70" s="310"/>
      <c r="HP70" s="311"/>
      <c r="HQ70" s="312"/>
    </row>
    <row r="71" spans="2:225" ht="6" customHeight="1">
      <c r="B71" s="330"/>
      <c r="C71" s="297"/>
      <c r="D71" s="297"/>
      <c r="E71" s="297"/>
      <c r="F71" s="297"/>
      <c r="G71" s="297"/>
      <c r="H71" s="297"/>
      <c r="I71" s="297"/>
      <c r="J71" s="297"/>
      <c r="K71" s="297"/>
      <c r="L71" s="297"/>
      <c r="M71" s="297"/>
      <c r="N71" s="297"/>
      <c r="O71" s="297"/>
      <c r="P71" s="297"/>
      <c r="Q71" s="297"/>
      <c r="R71" s="297"/>
      <c r="S71" s="297"/>
      <c r="T71" s="297"/>
      <c r="U71" s="297"/>
      <c r="V71" s="297"/>
      <c r="W71" s="297"/>
      <c r="X71" s="297"/>
      <c r="Y71" s="298"/>
      <c r="Z71" s="302"/>
      <c r="AA71" s="305"/>
      <c r="AB71" s="305"/>
      <c r="AC71" s="305"/>
      <c r="AD71" s="305"/>
      <c r="AE71" s="305"/>
      <c r="AF71" s="305"/>
      <c r="AG71" s="305"/>
      <c r="AH71" s="305"/>
      <c r="AI71" s="305"/>
      <c r="AJ71" s="305"/>
      <c r="AK71" s="305"/>
      <c r="AL71" s="305"/>
      <c r="AM71" s="305"/>
      <c r="AN71" s="305"/>
      <c r="AO71" s="305"/>
      <c r="AP71" s="305"/>
      <c r="AQ71" s="305"/>
      <c r="AR71" s="305"/>
      <c r="AS71" s="305"/>
      <c r="AT71" s="305"/>
      <c r="AU71" s="305"/>
      <c r="AV71" s="305"/>
      <c r="AW71" s="305"/>
      <c r="AX71" s="305"/>
      <c r="AY71" s="305"/>
      <c r="AZ71" s="305"/>
      <c r="BA71" s="305"/>
      <c r="BB71" s="305"/>
      <c r="BC71" s="305"/>
      <c r="BD71" s="305"/>
      <c r="BE71" s="305"/>
      <c r="BF71" s="305"/>
      <c r="BG71" s="305"/>
      <c r="BH71" s="305"/>
      <c r="BI71" s="305"/>
      <c r="BJ71" s="336"/>
      <c r="BK71" s="358"/>
      <c r="BL71" s="305"/>
      <c r="BM71" s="305"/>
      <c r="BN71" s="305"/>
      <c r="BO71" s="305"/>
      <c r="BP71" s="305"/>
      <c r="BQ71" s="305"/>
      <c r="BR71" s="305"/>
      <c r="BS71" s="305"/>
      <c r="BT71" s="305"/>
      <c r="BU71" s="305"/>
      <c r="BV71" s="305"/>
      <c r="BW71" s="305"/>
      <c r="BX71" s="305"/>
      <c r="BY71" s="305"/>
      <c r="BZ71" s="305"/>
      <c r="CA71" s="305"/>
      <c r="CB71" s="305"/>
      <c r="CC71" s="305"/>
      <c r="CD71" s="305"/>
      <c r="CE71" s="305"/>
      <c r="CF71" s="305"/>
      <c r="CG71" s="305"/>
      <c r="CH71" s="305"/>
      <c r="CI71" s="359"/>
      <c r="CJ71" s="361"/>
      <c r="CK71" s="340"/>
      <c r="CL71" s="340"/>
      <c r="CM71" s="340"/>
      <c r="CN71" s="340"/>
      <c r="CO71" s="340"/>
      <c r="CP71" s="340"/>
      <c r="CQ71" s="340"/>
      <c r="CR71" s="347"/>
      <c r="CS71" s="350"/>
      <c r="CT71" s="340"/>
      <c r="CU71" s="340"/>
      <c r="CV71" s="340"/>
      <c r="CW71" s="340"/>
      <c r="CX71" s="340"/>
      <c r="CY71" s="340"/>
      <c r="CZ71" s="340"/>
      <c r="DA71" s="353"/>
      <c r="DB71" s="356"/>
      <c r="DC71" s="340"/>
      <c r="DD71" s="340"/>
      <c r="DE71" s="340"/>
      <c r="DF71" s="340"/>
      <c r="DG71" s="340"/>
      <c r="DH71" s="340"/>
      <c r="DI71" s="340"/>
      <c r="DJ71" s="341"/>
      <c r="DK71" s="345"/>
      <c r="DL71" s="304"/>
      <c r="DM71" s="304"/>
      <c r="DN71" s="304"/>
      <c r="DO71" s="304"/>
      <c r="DP71" s="304"/>
      <c r="DQ71" s="304"/>
      <c r="DR71" s="304"/>
      <c r="DS71" s="304"/>
      <c r="DT71" s="304"/>
      <c r="DU71" s="304"/>
      <c r="DV71" s="304"/>
      <c r="DW71" s="304"/>
      <c r="DX71" s="304"/>
      <c r="DY71" s="304"/>
      <c r="DZ71" s="376"/>
      <c r="EA71" s="60"/>
      <c r="EB71" s="60"/>
      <c r="EC71" s="60"/>
      <c r="ED71" s="307"/>
      <c r="EE71" s="307"/>
      <c r="EF71" s="307"/>
      <c r="EG71" s="307"/>
      <c r="EH71" s="307"/>
      <c r="EI71" s="307"/>
      <c r="EJ71" s="307"/>
      <c r="EK71" s="307"/>
      <c r="EL71" s="307"/>
      <c r="EM71" s="307"/>
      <c r="EN71" s="307"/>
      <c r="EO71" s="307"/>
      <c r="EP71" s="307"/>
      <c r="EQ71" s="307"/>
      <c r="ER71" s="307"/>
      <c r="ES71" s="307"/>
      <c r="ET71" s="307"/>
      <c r="EU71" s="307"/>
      <c r="EV71" s="307"/>
      <c r="EW71" s="307"/>
      <c r="EX71" s="307"/>
      <c r="EY71" s="307"/>
      <c r="EZ71" s="307"/>
      <c r="FA71" s="307"/>
      <c r="FB71" s="307"/>
      <c r="FC71" s="307"/>
      <c r="FD71" s="307"/>
      <c r="FE71" s="307"/>
      <c r="FF71" s="307"/>
      <c r="FG71" s="307"/>
      <c r="FH71" s="307"/>
      <c r="FI71" s="307"/>
      <c r="FJ71" s="307"/>
      <c r="FK71" s="307"/>
      <c r="FL71" s="307"/>
      <c r="FM71" s="307"/>
      <c r="FN71" s="242"/>
      <c r="FO71" s="242"/>
      <c r="FP71" s="242"/>
      <c r="FQ71" s="242"/>
      <c r="FR71" s="242"/>
      <c r="FS71" s="242"/>
      <c r="FT71" s="242"/>
      <c r="FU71" s="242"/>
      <c r="FV71" s="242"/>
      <c r="FW71" s="242"/>
      <c r="FX71" s="242"/>
      <c r="FY71" s="242"/>
      <c r="FZ71" s="242"/>
      <c r="GA71" s="242"/>
      <c r="GB71" s="242"/>
      <c r="GC71" s="242"/>
      <c r="GD71" s="242"/>
      <c r="GE71" s="242"/>
      <c r="GF71" s="242"/>
      <c r="GG71" s="242"/>
      <c r="GH71" s="242"/>
      <c r="GI71" s="242"/>
      <c r="GJ71" s="242"/>
      <c r="GK71" s="242"/>
      <c r="GL71" s="242"/>
      <c r="GM71" s="242"/>
      <c r="GN71" s="242"/>
      <c r="GO71" s="242"/>
      <c r="GP71" s="308"/>
      <c r="GQ71" s="309"/>
      <c r="GR71" s="310"/>
      <c r="GS71" s="310"/>
      <c r="GT71" s="310"/>
      <c r="GU71" s="310"/>
      <c r="GV71" s="310"/>
      <c r="GW71" s="310"/>
      <c r="GX71" s="310"/>
      <c r="GY71" s="310"/>
      <c r="GZ71" s="310"/>
      <c r="HA71" s="310"/>
      <c r="HB71" s="310"/>
      <c r="HC71" s="310"/>
      <c r="HD71" s="310"/>
      <c r="HE71" s="310"/>
      <c r="HF71" s="310"/>
      <c r="HG71" s="310"/>
      <c r="HH71" s="310"/>
      <c r="HI71" s="310"/>
      <c r="HJ71" s="310"/>
      <c r="HK71" s="310"/>
      <c r="HL71" s="310"/>
      <c r="HM71" s="310"/>
      <c r="HN71" s="310"/>
      <c r="HO71" s="310"/>
      <c r="HP71" s="311"/>
      <c r="HQ71" s="312"/>
    </row>
    <row r="72" spans="2:225" ht="6" customHeight="1">
      <c r="B72" s="330"/>
      <c r="C72" s="297"/>
      <c r="D72" s="297"/>
      <c r="E72" s="297"/>
      <c r="F72" s="297"/>
      <c r="G72" s="297"/>
      <c r="H72" s="297"/>
      <c r="I72" s="297"/>
      <c r="J72" s="297"/>
      <c r="K72" s="297"/>
      <c r="L72" s="297"/>
      <c r="M72" s="297"/>
      <c r="N72" s="297"/>
      <c r="O72" s="297"/>
      <c r="P72" s="297"/>
      <c r="Q72" s="297"/>
      <c r="R72" s="297"/>
      <c r="S72" s="297"/>
      <c r="T72" s="297"/>
      <c r="U72" s="297"/>
      <c r="V72" s="297"/>
      <c r="W72" s="297"/>
      <c r="X72" s="297"/>
      <c r="Y72" s="298"/>
      <c r="Z72" s="302"/>
      <c r="AA72" s="305"/>
      <c r="AB72" s="305"/>
      <c r="AC72" s="305"/>
      <c r="AD72" s="305"/>
      <c r="AE72" s="305"/>
      <c r="AF72" s="305"/>
      <c r="AG72" s="305"/>
      <c r="AH72" s="305"/>
      <c r="AI72" s="305"/>
      <c r="AJ72" s="305"/>
      <c r="AK72" s="305"/>
      <c r="AL72" s="305"/>
      <c r="AM72" s="305"/>
      <c r="AN72" s="305"/>
      <c r="AO72" s="305"/>
      <c r="AP72" s="305"/>
      <c r="AQ72" s="305"/>
      <c r="AR72" s="305"/>
      <c r="AS72" s="305"/>
      <c r="AT72" s="305"/>
      <c r="AU72" s="305"/>
      <c r="AV72" s="305"/>
      <c r="AW72" s="305"/>
      <c r="AX72" s="305"/>
      <c r="AY72" s="305"/>
      <c r="AZ72" s="305"/>
      <c r="BA72" s="305"/>
      <c r="BB72" s="305"/>
      <c r="BC72" s="305"/>
      <c r="BD72" s="305"/>
      <c r="BE72" s="305"/>
      <c r="BF72" s="305"/>
      <c r="BG72" s="305"/>
      <c r="BH72" s="305"/>
      <c r="BI72" s="305"/>
      <c r="BJ72" s="336"/>
      <c r="BK72" s="358"/>
      <c r="BL72" s="305"/>
      <c r="BM72" s="305"/>
      <c r="BN72" s="305"/>
      <c r="BO72" s="305"/>
      <c r="BP72" s="305"/>
      <c r="BQ72" s="305"/>
      <c r="BR72" s="305"/>
      <c r="BS72" s="305"/>
      <c r="BT72" s="305"/>
      <c r="BU72" s="305"/>
      <c r="BV72" s="305"/>
      <c r="BW72" s="305"/>
      <c r="BX72" s="305"/>
      <c r="BY72" s="305"/>
      <c r="BZ72" s="305"/>
      <c r="CA72" s="305"/>
      <c r="CB72" s="305"/>
      <c r="CC72" s="305"/>
      <c r="CD72" s="305"/>
      <c r="CE72" s="305"/>
      <c r="CF72" s="305"/>
      <c r="CG72" s="305"/>
      <c r="CH72" s="305"/>
      <c r="CI72" s="359"/>
      <c r="CJ72" s="361"/>
      <c r="CK72" s="340"/>
      <c r="CL72" s="340"/>
      <c r="CM72" s="340"/>
      <c r="CN72" s="340"/>
      <c r="CO72" s="340"/>
      <c r="CP72" s="340"/>
      <c r="CQ72" s="340"/>
      <c r="CR72" s="347"/>
      <c r="CS72" s="350"/>
      <c r="CT72" s="340"/>
      <c r="CU72" s="340"/>
      <c r="CV72" s="340"/>
      <c r="CW72" s="340"/>
      <c r="CX72" s="340"/>
      <c r="CY72" s="340"/>
      <c r="CZ72" s="340"/>
      <c r="DA72" s="353"/>
      <c r="DB72" s="356"/>
      <c r="DC72" s="340"/>
      <c r="DD72" s="340"/>
      <c r="DE72" s="340"/>
      <c r="DF72" s="340"/>
      <c r="DG72" s="340"/>
      <c r="DH72" s="340"/>
      <c r="DI72" s="340"/>
      <c r="DJ72" s="341"/>
      <c r="DK72" s="345"/>
      <c r="DL72" s="304"/>
      <c r="DM72" s="304"/>
      <c r="DN72" s="304"/>
      <c r="DO72" s="304"/>
      <c r="DP72" s="304"/>
      <c r="DQ72" s="304"/>
      <c r="DR72" s="304"/>
      <c r="DS72" s="304"/>
      <c r="DT72" s="304"/>
      <c r="DU72" s="304"/>
      <c r="DV72" s="304"/>
      <c r="DW72" s="304"/>
      <c r="DX72" s="304"/>
      <c r="DY72" s="304"/>
      <c r="DZ72" s="376"/>
      <c r="EA72" s="60"/>
      <c r="EB72" s="60"/>
      <c r="EC72" s="60"/>
      <c r="ED72" s="307"/>
      <c r="EE72" s="307"/>
      <c r="EF72" s="307"/>
      <c r="EG72" s="307"/>
      <c r="EH72" s="307"/>
      <c r="EI72" s="307"/>
      <c r="EJ72" s="307"/>
      <c r="EK72" s="307"/>
      <c r="EL72" s="307"/>
      <c r="EM72" s="307"/>
      <c r="EN72" s="307"/>
      <c r="EO72" s="307"/>
      <c r="EP72" s="307"/>
      <c r="EQ72" s="307"/>
      <c r="ER72" s="307"/>
      <c r="ES72" s="307"/>
      <c r="ET72" s="307"/>
      <c r="EU72" s="307"/>
      <c r="EV72" s="307"/>
      <c r="EW72" s="307"/>
      <c r="EX72" s="307"/>
      <c r="EY72" s="307"/>
      <c r="EZ72" s="307"/>
      <c r="FA72" s="307"/>
      <c r="FB72" s="307"/>
      <c r="FC72" s="307"/>
      <c r="FD72" s="307"/>
      <c r="FE72" s="307"/>
      <c r="FF72" s="307"/>
      <c r="FG72" s="307"/>
      <c r="FH72" s="307"/>
      <c r="FI72" s="307"/>
      <c r="FJ72" s="307"/>
      <c r="FK72" s="307"/>
      <c r="FL72" s="307"/>
      <c r="FM72" s="307"/>
      <c r="FN72" s="242"/>
      <c r="FO72" s="242"/>
      <c r="FP72" s="242"/>
      <c r="FQ72" s="242"/>
      <c r="FR72" s="242"/>
      <c r="FS72" s="242"/>
      <c r="FT72" s="242"/>
      <c r="FU72" s="242"/>
      <c r="FV72" s="242"/>
      <c r="FW72" s="242"/>
      <c r="FX72" s="242"/>
      <c r="FY72" s="242"/>
      <c r="FZ72" s="242"/>
      <c r="GA72" s="242"/>
      <c r="GB72" s="242"/>
      <c r="GC72" s="242"/>
      <c r="GD72" s="242"/>
      <c r="GE72" s="242"/>
      <c r="GF72" s="242"/>
      <c r="GG72" s="242"/>
      <c r="GH72" s="242"/>
      <c r="GI72" s="242"/>
      <c r="GJ72" s="242"/>
      <c r="GK72" s="242"/>
      <c r="GL72" s="242"/>
      <c r="GM72" s="242"/>
      <c r="GN72" s="242"/>
      <c r="GO72" s="242"/>
      <c r="GP72" s="308"/>
      <c r="GQ72" s="309"/>
      <c r="GR72" s="310"/>
      <c r="GS72" s="310"/>
      <c r="GT72" s="310"/>
      <c r="GU72" s="310"/>
      <c r="GV72" s="310"/>
      <c r="GW72" s="310"/>
      <c r="GX72" s="310"/>
      <c r="GY72" s="310"/>
      <c r="GZ72" s="310"/>
      <c r="HA72" s="310"/>
      <c r="HB72" s="310"/>
      <c r="HC72" s="310"/>
      <c r="HD72" s="310"/>
      <c r="HE72" s="310"/>
      <c r="HF72" s="310"/>
      <c r="HG72" s="310"/>
      <c r="HH72" s="310"/>
      <c r="HI72" s="310"/>
      <c r="HJ72" s="310"/>
      <c r="HK72" s="310"/>
      <c r="HL72" s="310"/>
      <c r="HM72" s="310"/>
      <c r="HN72" s="310"/>
      <c r="HO72" s="310"/>
      <c r="HP72" s="311"/>
      <c r="HQ72" s="312"/>
    </row>
    <row r="73" spans="2:225" ht="6" customHeight="1">
      <c r="B73" s="331"/>
      <c r="C73" s="299"/>
      <c r="D73" s="299"/>
      <c r="E73" s="299"/>
      <c r="F73" s="299"/>
      <c r="G73" s="299"/>
      <c r="H73" s="299"/>
      <c r="I73" s="299"/>
      <c r="J73" s="299"/>
      <c r="K73" s="299"/>
      <c r="L73" s="299"/>
      <c r="M73" s="299"/>
      <c r="N73" s="299"/>
      <c r="O73" s="299"/>
      <c r="P73" s="299"/>
      <c r="Q73" s="299"/>
      <c r="R73" s="299"/>
      <c r="S73" s="299"/>
      <c r="T73" s="299"/>
      <c r="U73" s="299"/>
      <c r="V73" s="299"/>
      <c r="W73" s="299"/>
      <c r="X73" s="299"/>
      <c r="Y73" s="300"/>
      <c r="Z73" s="303"/>
      <c r="AA73" s="306"/>
      <c r="AB73" s="306"/>
      <c r="AC73" s="306"/>
      <c r="AD73" s="306"/>
      <c r="AE73" s="306"/>
      <c r="AF73" s="306"/>
      <c r="AG73" s="306"/>
      <c r="AH73" s="306"/>
      <c r="AI73" s="306"/>
      <c r="AJ73" s="306"/>
      <c r="AK73" s="306"/>
      <c r="AL73" s="306"/>
      <c r="AM73" s="306"/>
      <c r="AN73" s="306"/>
      <c r="AO73" s="306"/>
      <c r="AP73" s="306"/>
      <c r="AQ73" s="306"/>
      <c r="AR73" s="306"/>
      <c r="AS73" s="306"/>
      <c r="AT73" s="306"/>
      <c r="AU73" s="306"/>
      <c r="AV73" s="306"/>
      <c r="AW73" s="306"/>
      <c r="AX73" s="306"/>
      <c r="AY73" s="306"/>
      <c r="AZ73" s="306"/>
      <c r="BA73" s="306"/>
      <c r="BB73" s="306"/>
      <c r="BC73" s="306"/>
      <c r="BD73" s="306"/>
      <c r="BE73" s="306"/>
      <c r="BF73" s="306"/>
      <c r="BG73" s="306"/>
      <c r="BH73" s="306"/>
      <c r="BI73" s="306"/>
      <c r="BJ73" s="336"/>
      <c r="BK73" s="358"/>
      <c r="BL73" s="306"/>
      <c r="BM73" s="306"/>
      <c r="BN73" s="306"/>
      <c r="BO73" s="306"/>
      <c r="BP73" s="306"/>
      <c r="BQ73" s="306"/>
      <c r="BR73" s="306"/>
      <c r="BS73" s="306"/>
      <c r="BT73" s="306"/>
      <c r="BU73" s="306"/>
      <c r="BV73" s="306"/>
      <c r="BW73" s="306"/>
      <c r="BX73" s="306"/>
      <c r="BY73" s="306"/>
      <c r="BZ73" s="306"/>
      <c r="CA73" s="306"/>
      <c r="CB73" s="306"/>
      <c r="CC73" s="306"/>
      <c r="CD73" s="306"/>
      <c r="CE73" s="306"/>
      <c r="CF73" s="306"/>
      <c r="CG73" s="306"/>
      <c r="CH73" s="306"/>
      <c r="CI73" s="359"/>
      <c r="CJ73" s="362"/>
      <c r="CK73" s="342"/>
      <c r="CL73" s="342"/>
      <c r="CM73" s="342"/>
      <c r="CN73" s="342"/>
      <c r="CO73" s="342"/>
      <c r="CP73" s="342"/>
      <c r="CQ73" s="342"/>
      <c r="CR73" s="348"/>
      <c r="CS73" s="351"/>
      <c r="CT73" s="342"/>
      <c r="CU73" s="342"/>
      <c r="CV73" s="342"/>
      <c r="CW73" s="342"/>
      <c r="CX73" s="342"/>
      <c r="CY73" s="342"/>
      <c r="CZ73" s="342"/>
      <c r="DA73" s="354"/>
      <c r="DB73" s="357"/>
      <c r="DC73" s="342"/>
      <c r="DD73" s="342"/>
      <c r="DE73" s="342"/>
      <c r="DF73" s="342"/>
      <c r="DG73" s="342"/>
      <c r="DH73" s="342"/>
      <c r="DI73" s="342"/>
      <c r="DJ73" s="343"/>
      <c r="DK73" s="345"/>
      <c r="DL73" s="304"/>
      <c r="DM73" s="304"/>
      <c r="DN73" s="304"/>
      <c r="DO73" s="304"/>
      <c r="DP73" s="304"/>
      <c r="DQ73" s="304"/>
      <c r="DR73" s="304"/>
      <c r="DS73" s="304"/>
      <c r="DT73" s="304"/>
      <c r="DU73" s="304"/>
      <c r="DV73" s="304"/>
      <c r="DW73" s="304"/>
      <c r="DX73" s="304"/>
      <c r="DY73" s="304"/>
      <c r="DZ73" s="376"/>
      <c r="EA73" s="60"/>
      <c r="EB73" s="60"/>
      <c r="EC73" s="60"/>
      <c r="ED73" s="307"/>
      <c r="EE73" s="307"/>
      <c r="EF73" s="307"/>
      <c r="EG73" s="307"/>
      <c r="EH73" s="307"/>
      <c r="EI73" s="307"/>
      <c r="EJ73" s="307"/>
      <c r="EK73" s="307"/>
      <c r="EL73" s="307"/>
      <c r="EM73" s="307"/>
      <c r="EN73" s="307"/>
      <c r="EO73" s="307"/>
      <c r="EP73" s="307"/>
      <c r="EQ73" s="307"/>
      <c r="ER73" s="307"/>
      <c r="ES73" s="307"/>
      <c r="ET73" s="307"/>
      <c r="EU73" s="307"/>
      <c r="EV73" s="307"/>
      <c r="EW73" s="307"/>
      <c r="EX73" s="307"/>
      <c r="EY73" s="307"/>
      <c r="EZ73" s="307"/>
      <c r="FA73" s="307"/>
      <c r="FB73" s="307"/>
      <c r="FC73" s="307"/>
      <c r="FD73" s="307"/>
      <c r="FE73" s="307"/>
      <c r="FF73" s="307"/>
      <c r="FG73" s="307"/>
      <c r="FH73" s="307"/>
      <c r="FI73" s="307"/>
      <c r="FJ73" s="307"/>
      <c r="FK73" s="307"/>
      <c r="FL73" s="307"/>
      <c r="FM73" s="307"/>
      <c r="FN73" s="242"/>
      <c r="FO73" s="242"/>
      <c r="FP73" s="242"/>
      <c r="FQ73" s="242"/>
      <c r="FR73" s="242"/>
      <c r="FS73" s="242"/>
      <c r="FT73" s="242"/>
      <c r="FU73" s="242"/>
      <c r="FV73" s="242"/>
      <c r="FW73" s="242"/>
      <c r="FX73" s="242"/>
      <c r="FY73" s="242"/>
      <c r="FZ73" s="242"/>
      <c r="GA73" s="242"/>
      <c r="GB73" s="242"/>
      <c r="GC73" s="242"/>
      <c r="GD73" s="242"/>
      <c r="GE73" s="242"/>
      <c r="GF73" s="242"/>
      <c r="GG73" s="242"/>
      <c r="GH73" s="242"/>
      <c r="GI73" s="242"/>
      <c r="GJ73" s="242"/>
      <c r="GK73" s="242"/>
      <c r="GL73" s="242"/>
      <c r="GM73" s="242"/>
      <c r="GN73" s="242"/>
      <c r="GO73" s="242"/>
      <c r="GP73" s="308"/>
      <c r="GQ73" s="309"/>
      <c r="GR73" s="310"/>
      <c r="GS73" s="310"/>
      <c r="GT73" s="310"/>
      <c r="GU73" s="310"/>
      <c r="GV73" s="310"/>
      <c r="GW73" s="310"/>
      <c r="GX73" s="310"/>
      <c r="GY73" s="310"/>
      <c r="GZ73" s="310"/>
      <c r="HA73" s="310"/>
      <c r="HB73" s="310"/>
      <c r="HC73" s="310"/>
      <c r="HD73" s="310"/>
      <c r="HE73" s="310"/>
      <c r="HF73" s="310"/>
      <c r="HG73" s="310"/>
      <c r="HH73" s="310"/>
      <c r="HI73" s="310"/>
      <c r="HJ73" s="310"/>
      <c r="HK73" s="310"/>
      <c r="HL73" s="310"/>
      <c r="HM73" s="310"/>
      <c r="HN73" s="310"/>
      <c r="HO73" s="310"/>
      <c r="HP73" s="311"/>
      <c r="HQ73" s="312"/>
    </row>
    <row r="74" spans="2:225" ht="6" customHeight="1">
      <c r="B74" s="328" t="s">
        <v>56</v>
      </c>
      <c r="C74" s="329"/>
      <c r="D74" s="329"/>
      <c r="E74" s="329"/>
      <c r="F74" s="329"/>
      <c r="G74" s="329"/>
      <c r="H74" s="329" t="s">
        <v>57</v>
      </c>
      <c r="I74" s="329"/>
      <c r="J74" s="329"/>
      <c r="K74" s="329"/>
      <c r="L74" s="329"/>
      <c r="M74" s="329"/>
      <c r="N74" s="329" t="s">
        <v>58</v>
      </c>
      <c r="O74" s="329"/>
      <c r="P74" s="329"/>
      <c r="Q74" s="329"/>
      <c r="R74" s="329"/>
      <c r="S74" s="329"/>
      <c r="T74" s="329" t="s">
        <v>59</v>
      </c>
      <c r="U74" s="329"/>
      <c r="V74" s="329"/>
      <c r="W74" s="329"/>
      <c r="X74" s="329"/>
      <c r="Y74" s="332"/>
      <c r="Z74" s="333"/>
      <c r="AA74" s="334"/>
      <c r="AB74" s="334"/>
      <c r="AC74" s="334"/>
      <c r="AD74" s="334"/>
      <c r="AE74" s="334"/>
      <c r="AF74" s="334"/>
      <c r="AG74" s="334"/>
      <c r="AH74" s="334"/>
      <c r="AI74" s="334"/>
      <c r="AJ74" s="334"/>
      <c r="AK74" s="334"/>
      <c r="AL74" s="334"/>
      <c r="AM74" s="334"/>
      <c r="AN74" s="334"/>
      <c r="AO74" s="334"/>
      <c r="AP74" s="334"/>
      <c r="AQ74" s="334"/>
      <c r="AR74" s="334"/>
      <c r="AS74" s="334"/>
      <c r="AT74" s="334"/>
      <c r="AU74" s="334"/>
      <c r="AV74" s="334"/>
      <c r="AW74" s="334"/>
      <c r="AX74" s="334"/>
      <c r="AY74" s="334"/>
      <c r="AZ74" s="334"/>
      <c r="BA74" s="334"/>
      <c r="BB74" s="334"/>
      <c r="BC74" s="334"/>
      <c r="BD74" s="334"/>
      <c r="BE74" s="334"/>
      <c r="BF74" s="334"/>
      <c r="BG74" s="334"/>
      <c r="BH74" s="334"/>
      <c r="BI74" s="334"/>
      <c r="BJ74" s="335"/>
      <c r="BK74" s="364"/>
      <c r="BL74" s="334"/>
      <c r="BM74" s="334"/>
      <c r="BN74" s="334"/>
      <c r="BO74" s="334"/>
      <c r="BP74" s="334"/>
      <c r="BQ74" s="334"/>
      <c r="BR74" s="334"/>
      <c r="BS74" s="334"/>
      <c r="BT74" s="334"/>
      <c r="BU74" s="334"/>
      <c r="BV74" s="334"/>
      <c r="BW74" s="334"/>
      <c r="BX74" s="334"/>
      <c r="BY74" s="334"/>
      <c r="BZ74" s="334"/>
      <c r="CA74" s="334"/>
      <c r="CB74" s="334"/>
      <c r="CC74" s="334"/>
      <c r="CD74" s="334"/>
      <c r="CE74" s="334"/>
      <c r="CF74" s="334"/>
      <c r="CG74" s="334"/>
      <c r="CH74" s="334"/>
      <c r="CI74" s="366"/>
      <c r="CJ74" s="368"/>
      <c r="CK74" s="369"/>
      <c r="CL74" s="369"/>
      <c r="CM74" s="369"/>
      <c r="CN74" s="369"/>
      <c r="CO74" s="369"/>
      <c r="CP74" s="369"/>
      <c r="CQ74" s="369"/>
      <c r="CR74" s="372"/>
      <c r="CS74" s="412"/>
      <c r="CT74" s="369"/>
      <c r="CU74" s="369"/>
      <c r="CV74" s="369"/>
      <c r="CW74" s="369"/>
      <c r="CX74" s="369"/>
      <c r="CY74" s="369"/>
      <c r="CZ74" s="369"/>
      <c r="DA74" s="403"/>
      <c r="DB74" s="404"/>
      <c r="DC74" s="369"/>
      <c r="DD74" s="369"/>
      <c r="DE74" s="369"/>
      <c r="DF74" s="369"/>
      <c r="DG74" s="369"/>
      <c r="DH74" s="369"/>
      <c r="DI74" s="369"/>
      <c r="DJ74" s="416"/>
      <c r="DK74" s="406"/>
      <c r="DL74" s="409"/>
      <c r="DM74" s="409"/>
      <c r="DN74" s="409"/>
      <c r="DO74" s="409"/>
      <c r="DP74" s="409"/>
      <c r="DQ74" s="409"/>
      <c r="DR74" s="409"/>
      <c r="DS74" s="409"/>
      <c r="DT74" s="409"/>
      <c r="DU74" s="409"/>
      <c r="DV74" s="409"/>
      <c r="DW74" s="409"/>
      <c r="DX74" s="409"/>
      <c r="DY74" s="409"/>
      <c r="DZ74" s="379"/>
      <c r="EA74" s="60"/>
      <c r="EB74" s="60"/>
      <c r="EC74" s="60"/>
      <c r="ED74" s="61"/>
      <c r="EE74" s="61"/>
      <c r="EF74" s="61"/>
      <c r="EG74" s="61"/>
      <c r="EH74" s="61"/>
      <c r="EI74" s="61"/>
      <c r="EJ74" s="62"/>
      <c r="EK74" s="62"/>
      <c r="EL74" s="62"/>
      <c r="EM74" s="62"/>
      <c r="EN74" s="62"/>
      <c r="EO74" s="62"/>
      <c r="EP74" s="62"/>
      <c r="EQ74" s="62"/>
      <c r="ER74" s="62"/>
      <c r="ES74" s="62"/>
      <c r="ET74" s="62"/>
      <c r="EU74" s="62"/>
      <c r="EV74" s="62"/>
      <c r="EW74" s="62"/>
      <c r="EX74" s="62"/>
      <c r="EY74" s="62"/>
      <c r="EZ74" s="62"/>
      <c r="FA74" s="62"/>
      <c r="FB74" s="62"/>
      <c r="FC74" s="62"/>
      <c r="FD74" s="62"/>
      <c r="FE74" s="62"/>
      <c r="FF74" s="62"/>
      <c r="FG74" s="62"/>
      <c r="FH74" s="62"/>
      <c r="FI74" s="63"/>
      <c r="FJ74" s="63"/>
      <c r="FK74" s="63"/>
      <c r="FL74" s="63"/>
      <c r="FM74" s="63"/>
      <c r="FN74" s="63"/>
      <c r="FO74" s="63"/>
      <c r="FP74" s="63"/>
      <c r="FQ74" s="63"/>
      <c r="FR74" s="63"/>
      <c r="FS74" s="63"/>
      <c r="FT74" s="63"/>
      <c r="FU74" s="63"/>
      <c r="FV74" s="63"/>
      <c r="FW74" s="63"/>
      <c r="FX74" s="63"/>
      <c r="FY74" s="63"/>
      <c r="FZ74" s="63"/>
      <c r="GA74" s="63"/>
      <c r="GB74" s="63"/>
      <c r="GC74" s="63"/>
      <c r="GD74" s="63"/>
      <c r="GE74" s="63"/>
      <c r="GF74" s="63"/>
      <c r="GG74" s="63"/>
      <c r="GH74" s="63"/>
      <c r="GI74" s="63"/>
      <c r="GJ74" s="63"/>
      <c r="GK74" s="63"/>
      <c r="GL74" s="63"/>
      <c r="GM74" s="64"/>
    </row>
    <row r="75" spans="2:225" ht="6" customHeight="1">
      <c r="B75" s="330"/>
      <c r="C75" s="297"/>
      <c r="D75" s="297"/>
      <c r="E75" s="297"/>
      <c r="F75" s="297"/>
      <c r="G75" s="297"/>
      <c r="H75" s="297"/>
      <c r="I75" s="297"/>
      <c r="J75" s="297"/>
      <c r="K75" s="297"/>
      <c r="L75" s="297"/>
      <c r="M75" s="297"/>
      <c r="N75" s="297"/>
      <c r="O75" s="297"/>
      <c r="P75" s="297"/>
      <c r="Q75" s="297"/>
      <c r="R75" s="297"/>
      <c r="S75" s="297"/>
      <c r="T75" s="297"/>
      <c r="U75" s="297"/>
      <c r="V75" s="297"/>
      <c r="W75" s="297"/>
      <c r="X75" s="297"/>
      <c r="Y75" s="298"/>
      <c r="Z75" s="302"/>
      <c r="AA75" s="305"/>
      <c r="AB75" s="305"/>
      <c r="AC75" s="305"/>
      <c r="AD75" s="305"/>
      <c r="AE75" s="305"/>
      <c r="AF75" s="305"/>
      <c r="AG75" s="305"/>
      <c r="AH75" s="305"/>
      <c r="AI75" s="305"/>
      <c r="AJ75" s="305"/>
      <c r="AK75" s="305"/>
      <c r="AL75" s="305"/>
      <c r="AM75" s="305"/>
      <c r="AN75" s="305"/>
      <c r="AO75" s="305"/>
      <c r="AP75" s="305"/>
      <c r="AQ75" s="305"/>
      <c r="AR75" s="305"/>
      <c r="AS75" s="305"/>
      <c r="AT75" s="305"/>
      <c r="AU75" s="305"/>
      <c r="AV75" s="305"/>
      <c r="AW75" s="305"/>
      <c r="AX75" s="305"/>
      <c r="AY75" s="305"/>
      <c r="AZ75" s="305"/>
      <c r="BA75" s="305"/>
      <c r="BB75" s="305"/>
      <c r="BC75" s="305"/>
      <c r="BD75" s="305"/>
      <c r="BE75" s="305"/>
      <c r="BF75" s="305"/>
      <c r="BG75" s="305"/>
      <c r="BH75" s="305"/>
      <c r="BI75" s="305"/>
      <c r="BJ75" s="336"/>
      <c r="BK75" s="358"/>
      <c r="BL75" s="305"/>
      <c r="BM75" s="305"/>
      <c r="BN75" s="305"/>
      <c r="BO75" s="305"/>
      <c r="BP75" s="305"/>
      <c r="BQ75" s="305"/>
      <c r="BR75" s="305"/>
      <c r="BS75" s="305"/>
      <c r="BT75" s="305"/>
      <c r="BU75" s="305"/>
      <c r="BV75" s="305"/>
      <c r="BW75" s="305"/>
      <c r="BX75" s="305"/>
      <c r="BY75" s="305"/>
      <c r="BZ75" s="305"/>
      <c r="CA75" s="305"/>
      <c r="CB75" s="305"/>
      <c r="CC75" s="305"/>
      <c r="CD75" s="305"/>
      <c r="CE75" s="305"/>
      <c r="CF75" s="305"/>
      <c r="CG75" s="305"/>
      <c r="CH75" s="305"/>
      <c r="CI75" s="359"/>
      <c r="CJ75" s="361"/>
      <c r="CK75" s="340"/>
      <c r="CL75" s="340"/>
      <c r="CM75" s="340"/>
      <c r="CN75" s="340"/>
      <c r="CO75" s="340"/>
      <c r="CP75" s="340"/>
      <c r="CQ75" s="340"/>
      <c r="CR75" s="347"/>
      <c r="CS75" s="350"/>
      <c r="CT75" s="340"/>
      <c r="CU75" s="340"/>
      <c r="CV75" s="340"/>
      <c r="CW75" s="340"/>
      <c r="CX75" s="340"/>
      <c r="CY75" s="340"/>
      <c r="CZ75" s="340"/>
      <c r="DA75" s="353"/>
      <c r="DB75" s="356"/>
      <c r="DC75" s="340"/>
      <c r="DD75" s="340"/>
      <c r="DE75" s="340"/>
      <c r="DF75" s="340"/>
      <c r="DG75" s="340"/>
      <c r="DH75" s="340"/>
      <c r="DI75" s="340"/>
      <c r="DJ75" s="341"/>
      <c r="DK75" s="407"/>
      <c r="DL75" s="305"/>
      <c r="DM75" s="305"/>
      <c r="DN75" s="305"/>
      <c r="DO75" s="305"/>
      <c r="DP75" s="305"/>
      <c r="DQ75" s="305"/>
      <c r="DR75" s="305"/>
      <c r="DS75" s="305"/>
      <c r="DT75" s="305"/>
      <c r="DU75" s="305"/>
      <c r="DV75" s="305"/>
      <c r="DW75" s="305"/>
      <c r="DX75" s="305"/>
      <c r="DY75" s="305"/>
      <c r="DZ75" s="380"/>
      <c r="EA75" s="60"/>
      <c r="EB75" s="60"/>
      <c r="EC75" s="60"/>
      <c r="ED75" s="65"/>
      <c r="EE75" s="382" t="s">
        <v>60</v>
      </c>
      <c r="EF75" s="382"/>
      <c r="EG75" s="382"/>
      <c r="EH75" s="382"/>
      <c r="EI75" s="66"/>
      <c r="EJ75" s="385"/>
      <c r="EK75" s="386" t="s">
        <v>61</v>
      </c>
      <c r="EL75" s="386"/>
      <c r="EM75" s="386"/>
      <c r="EN75" s="386"/>
      <c r="EO75" s="386"/>
      <c r="EP75" s="386"/>
      <c r="EQ75" s="386"/>
      <c r="ER75" s="386"/>
      <c r="ES75" s="386"/>
      <c r="ET75" s="386"/>
      <c r="EU75" s="386"/>
      <c r="EV75" s="386"/>
      <c r="EW75" s="386"/>
      <c r="EX75" s="386"/>
      <c r="EY75" s="386"/>
      <c r="EZ75" s="386"/>
      <c r="FA75" s="386"/>
      <c r="FB75" s="386"/>
      <c r="FC75" s="386"/>
      <c r="FD75" s="386"/>
      <c r="FE75" s="386"/>
      <c r="FF75" s="386"/>
      <c r="FG75" s="386"/>
      <c r="FH75" s="388"/>
      <c r="FI75" s="400"/>
      <c r="FJ75" s="401"/>
      <c r="FK75" s="401"/>
      <c r="FL75" s="401"/>
      <c r="FM75" s="401"/>
      <c r="FN75" s="401"/>
      <c r="FO75" s="401"/>
      <c r="FP75" s="401"/>
      <c r="FQ75" s="401"/>
      <c r="FR75" s="401"/>
      <c r="FS75" s="401"/>
      <c r="FT75" s="401"/>
      <c r="FU75" s="401"/>
      <c r="FV75" s="401"/>
      <c r="FW75" s="401"/>
      <c r="FX75" s="401"/>
      <c r="FY75" s="401"/>
      <c r="FZ75" s="401"/>
      <c r="GA75" s="401"/>
      <c r="GB75" s="401"/>
      <c r="GC75" s="401"/>
      <c r="GD75" s="401"/>
      <c r="GE75" s="401"/>
      <c r="GF75" s="401"/>
      <c r="GG75" s="401"/>
      <c r="GH75" s="401"/>
      <c r="GI75" s="401"/>
      <c r="GJ75" s="401"/>
      <c r="GK75" s="401"/>
      <c r="GL75" s="402"/>
      <c r="GM75" s="67"/>
    </row>
    <row r="76" spans="2:225" ht="6" customHeight="1">
      <c r="B76" s="330"/>
      <c r="C76" s="297"/>
      <c r="D76" s="297"/>
      <c r="E76" s="297"/>
      <c r="F76" s="297"/>
      <c r="G76" s="297"/>
      <c r="H76" s="297"/>
      <c r="I76" s="297"/>
      <c r="J76" s="297"/>
      <c r="K76" s="297"/>
      <c r="L76" s="297"/>
      <c r="M76" s="297"/>
      <c r="N76" s="297"/>
      <c r="O76" s="297"/>
      <c r="P76" s="297"/>
      <c r="Q76" s="297"/>
      <c r="R76" s="297"/>
      <c r="S76" s="297"/>
      <c r="T76" s="297"/>
      <c r="U76" s="297"/>
      <c r="V76" s="297"/>
      <c r="W76" s="297"/>
      <c r="X76" s="297"/>
      <c r="Y76" s="298"/>
      <c r="Z76" s="302"/>
      <c r="AA76" s="305"/>
      <c r="AB76" s="305"/>
      <c r="AC76" s="305"/>
      <c r="AD76" s="305"/>
      <c r="AE76" s="305"/>
      <c r="AF76" s="305"/>
      <c r="AG76" s="305"/>
      <c r="AH76" s="305"/>
      <c r="AI76" s="305"/>
      <c r="AJ76" s="305"/>
      <c r="AK76" s="305"/>
      <c r="AL76" s="305"/>
      <c r="AM76" s="305"/>
      <c r="AN76" s="305"/>
      <c r="AO76" s="305"/>
      <c r="AP76" s="305"/>
      <c r="AQ76" s="305"/>
      <c r="AR76" s="305"/>
      <c r="AS76" s="305"/>
      <c r="AT76" s="305"/>
      <c r="AU76" s="305"/>
      <c r="AV76" s="305"/>
      <c r="AW76" s="305"/>
      <c r="AX76" s="305"/>
      <c r="AY76" s="305"/>
      <c r="AZ76" s="305"/>
      <c r="BA76" s="305"/>
      <c r="BB76" s="305"/>
      <c r="BC76" s="305"/>
      <c r="BD76" s="305"/>
      <c r="BE76" s="305"/>
      <c r="BF76" s="305"/>
      <c r="BG76" s="305"/>
      <c r="BH76" s="305"/>
      <c r="BI76" s="305"/>
      <c r="BJ76" s="336"/>
      <c r="BK76" s="358"/>
      <c r="BL76" s="305"/>
      <c r="BM76" s="305"/>
      <c r="BN76" s="305"/>
      <c r="BO76" s="305"/>
      <c r="BP76" s="305"/>
      <c r="BQ76" s="305"/>
      <c r="BR76" s="305"/>
      <c r="BS76" s="305"/>
      <c r="BT76" s="305"/>
      <c r="BU76" s="305"/>
      <c r="BV76" s="305"/>
      <c r="BW76" s="305"/>
      <c r="BX76" s="305"/>
      <c r="BY76" s="305"/>
      <c r="BZ76" s="305"/>
      <c r="CA76" s="305"/>
      <c r="CB76" s="305"/>
      <c r="CC76" s="305"/>
      <c r="CD76" s="305"/>
      <c r="CE76" s="305"/>
      <c r="CF76" s="305"/>
      <c r="CG76" s="305"/>
      <c r="CH76" s="305"/>
      <c r="CI76" s="359"/>
      <c r="CJ76" s="361"/>
      <c r="CK76" s="340"/>
      <c r="CL76" s="340"/>
      <c r="CM76" s="340"/>
      <c r="CN76" s="340"/>
      <c r="CO76" s="340"/>
      <c r="CP76" s="340"/>
      <c r="CQ76" s="340"/>
      <c r="CR76" s="347"/>
      <c r="CS76" s="350"/>
      <c r="CT76" s="340"/>
      <c r="CU76" s="340"/>
      <c r="CV76" s="340"/>
      <c r="CW76" s="340"/>
      <c r="CX76" s="340"/>
      <c r="CY76" s="340"/>
      <c r="CZ76" s="340"/>
      <c r="DA76" s="353"/>
      <c r="DB76" s="356"/>
      <c r="DC76" s="340"/>
      <c r="DD76" s="340"/>
      <c r="DE76" s="340"/>
      <c r="DF76" s="340"/>
      <c r="DG76" s="340"/>
      <c r="DH76" s="340"/>
      <c r="DI76" s="340"/>
      <c r="DJ76" s="341"/>
      <c r="DK76" s="407"/>
      <c r="DL76" s="305"/>
      <c r="DM76" s="305"/>
      <c r="DN76" s="305"/>
      <c r="DO76" s="305"/>
      <c r="DP76" s="305"/>
      <c r="DQ76" s="305"/>
      <c r="DR76" s="305"/>
      <c r="DS76" s="305"/>
      <c r="DT76" s="305"/>
      <c r="DU76" s="305"/>
      <c r="DV76" s="305"/>
      <c r="DW76" s="305"/>
      <c r="DX76" s="305"/>
      <c r="DY76" s="305"/>
      <c r="DZ76" s="380"/>
      <c r="EA76" s="60"/>
      <c r="EB76" s="60"/>
      <c r="EC76" s="60"/>
      <c r="ED76" s="68"/>
      <c r="EE76" s="383"/>
      <c r="EF76" s="383"/>
      <c r="EG76" s="383"/>
      <c r="EH76" s="383"/>
      <c r="EI76" s="69"/>
      <c r="EJ76" s="385"/>
      <c r="EK76" s="386"/>
      <c r="EL76" s="386"/>
      <c r="EM76" s="386"/>
      <c r="EN76" s="386"/>
      <c r="EO76" s="386"/>
      <c r="EP76" s="386"/>
      <c r="EQ76" s="386"/>
      <c r="ER76" s="386"/>
      <c r="ES76" s="386"/>
      <c r="ET76" s="386"/>
      <c r="EU76" s="386"/>
      <c r="EV76" s="386"/>
      <c r="EW76" s="386"/>
      <c r="EX76" s="386"/>
      <c r="EY76" s="386"/>
      <c r="EZ76" s="386"/>
      <c r="FA76" s="386"/>
      <c r="FB76" s="386"/>
      <c r="FC76" s="386"/>
      <c r="FD76" s="386"/>
      <c r="FE76" s="386"/>
      <c r="FF76" s="386"/>
      <c r="FG76" s="386"/>
      <c r="FH76" s="388"/>
      <c r="FI76" s="392"/>
      <c r="FJ76" s="393"/>
      <c r="FK76" s="393"/>
      <c r="FL76" s="393"/>
      <c r="FM76" s="393"/>
      <c r="FN76" s="393"/>
      <c r="FO76" s="393"/>
      <c r="FP76" s="393"/>
      <c r="FQ76" s="393"/>
      <c r="FR76" s="393"/>
      <c r="FS76" s="393"/>
      <c r="FT76" s="393"/>
      <c r="FU76" s="393"/>
      <c r="FV76" s="393"/>
      <c r="FW76" s="393"/>
      <c r="FX76" s="393"/>
      <c r="FY76" s="393"/>
      <c r="FZ76" s="393"/>
      <c r="GA76" s="393"/>
      <c r="GB76" s="393"/>
      <c r="GC76" s="393"/>
      <c r="GD76" s="393"/>
      <c r="GE76" s="393"/>
      <c r="GF76" s="393"/>
      <c r="GG76" s="393"/>
      <c r="GH76" s="393"/>
      <c r="GI76" s="393"/>
      <c r="GJ76" s="393"/>
      <c r="GK76" s="393"/>
      <c r="GL76" s="394"/>
      <c r="GM76" s="67"/>
    </row>
    <row r="77" spans="2:225" ht="6" customHeight="1">
      <c r="B77" s="331"/>
      <c r="C77" s="299"/>
      <c r="D77" s="299"/>
      <c r="E77" s="299"/>
      <c r="F77" s="299"/>
      <c r="G77" s="299"/>
      <c r="H77" s="299"/>
      <c r="I77" s="299"/>
      <c r="J77" s="299"/>
      <c r="K77" s="299"/>
      <c r="L77" s="299"/>
      <c r="M77" s="299"/>
      <c r="N77" s="299"/>
      <c r="O77" s="299"/>
      <c r="P77" s="299"/>
      <c r="Q77" s="299"/>
      <c r="R77" s="299"/>
      <c r="S77" s="299"/>
      <c r="T77" s="299"/>
      <c r="U77" s="299"/>
      <c r="V77" s="299"/>
      <c r="W77" s="299"/>
      <c r="X77" s="299"/>
      <c r="Y77" s="300"/>
      <c r="Z77" s="303"/>
      <c r="AA77" s="306"/>
      <c r="AB77" s="306"/>
      <c r="AC77" s="306"/>
      <c r="AD77" s="306"/>
      <c r="AE77" s="306"/>
      <c r="AF77" s="306"/>
      <c r="AG77" s="306"/>
      <c r="AH77" s="306"/>
      <c r="AI77" s="306"/>
      <c r="AJ77" s="306"/>
      <c r="AK77" s="306"/>
      <c r="AL77" s="306"/>
      <c r="AM77" s="306"/>
      <c r="AN77" s="306"/>
      <c r="AO77" s="306"/>
      <c r="AP77" s="306"/>
      <c r="AQ77" s="306"/>
      <c r="AR77" s="306"/>
      <c r="AS77" s="306"/>
      <c r="AT77" s="306"/>
      <c r="AU77" s="306"/>
      <c r="AV77" s="306"/>
      <c r="AW77" s="306"/>
      <c r="AX77" s="306"/>
      <c r="AY77" s="306"/>
      <c r="AZ77" s="306"/>
      <c r="BA77" s="306"/>
      <c r="BB77" s="306"/>
      <c r="BC77" s="306"/>
      <c r="BD77" s="306"/>
      <c r="BE77" s="306"/>
      <c r="BF77" s="306"/>
      <c r="BG77" s="306"/>
      <c r="BH77" s="306"/>
      <c r="BI77" s="306"/>
      <c r="BJ77" s="337"/>
      <c r="BK77" s="365"/>
      <c r="BL77" s="306"/>
      <c r="BM77" s="306"/>
      <c r="BN77" s="306"/>
      <c r="BO77" s="306"/>
      <c r="BP77" s="306"/>
      <c r="BQ77" s="306"/>
      <c r="BR77" s="306"/>
      <c r="BS77" s="306"/>
      <c r="BT77" s="306"/>
      <c r="BU77" s="306"/>
      <c r="BV77" s="306"/>
      <c r="BW77" s="306"/>
      <c r="BX77" s="306"/>
      <c r="BY77" s="306"/>
      <c r="BZ77" s="306"/>
      <c r="CA77" s="306"/>
      <c r="CB77" s="306"/>
      <c r="CC77" s="306"/>
      <c r="CD77" s="306"/>
      <c r="CE77" s="306"/>
      <c r="CF77" s="306"/>
      <c r="CG77" s="306"/>
      <c r="CH77" s="306"/>
      <c r="CI77" s="367"/>
      <c r="CJ77" s="370"/>
      <c r="CK77" s="371"/>
      <c r="CL77" s="371"/>
      <c r="CM77" s="371"/>
      <c r="CN77" s="371"/>
      <c r="CO77" s="371"/>
      <c r="CP77" s="371"/>
      <c r="CQ77" s="371"/>
      <c r="CR77" s="373"/>
      <c r="CS77" s="413"/>
      <c r="CT77" s="371"/>
      <c r="CU77" s="371"/>
      <c r="CV77" s="371"/>
      <c r="CW77" s="371"/>
      <c r="CX77" s="371"/>
      <c r="CY77" s="371"/>
      <c r="CZ77" s="371"/>
      <c r="DA77" s="414"/>
      <c r="DB77" s="415"/>
      <c r="DC77" s="371"/>
      <c r="DD77" s="371"/>
      <c r="DE77" s="371"/>
      <c r="DF77" s="371"/>
      <c r="DG77" s="371"/>
      <c r="DH77" s="371"/>
      <c r="DI77" s="371"/>
      <c r="DJ77" s="417"/>
      <c r="DK77" s="408"/>
      <c r="DL77" s="410"/>
      <c r="DM77" s="410"/>
      <c r="DN77" s="410"/>
      <c r="DO77" s="410"/>
      <c r="DP77" s="410"/>
      <c r="DQ77" s="410"/>
      <c r="DR77" s="410"/>
      <c r="DS77" s="410"/>
      <c r="DT77" s="410"/>
      <c r="DU77" s="410"/>
      <c r="DV77" s="410"/>
      <c r="DW77" s="410"/>
      <c r="DX77" s="410"/>
      <c r="DY77" s="410"/>
      <c r="DZ77" s="381"/>
      <c r="EA77" s="60"/>
      <c r="EB77" s="60"/>
      <c r="EC77" s="60"/>
      <c r="ED77" s="68"/>
      <c r="EE77" s="383"/>
      <c r="EF77" s="383"/>
      <c r="EG77" s="383"/>
      <c r="EH77" s="383"/>
      <c r="EI77" s="69"/>
      <c r="EJ77" s="385"/>
      <c r="EK77" s="386"/>
      <c r="EL77" s="386"/>
      <c r="EM77" s="386"/>
      <c r="EN77" s="386"/>
      <c r="EO77" s="386"/>
      <c r="EP77" s="386"/>
      <c r="EQ77" s="386"/>
      <c r="ER77" s="386"/>
      <c r="ES77" s="386"/>
      <c r="ET77" s="386"/>
      <c r="EU77" s="386"/>
      <c r="EV77" s="386"/>
      <c r="EW77" s="386"/>
      <c r="EX77" s="386"/>
      <c r="EY77" s="386"/>
      <c r="EZ77" s="386"/>
      <c r="FA77" s="386"/>
      <c r="FB77" s="386"/>
      <c r="FC77" s="386"/>
      <c r="FD77" s="386"/>
      <c r="FE77" s="386"/>
      <c r="FF77" s="386"/>
      <c r="FG77" s="386"/>
      <c r="FH77" s="388"/>
      <c r="FI77" s="392"/>
      <c r="FJ77" s="393"/>
      <c r="FK77" s="393"/>
      <c r="FL77" s="393"/>
      <c r="FM77" s="393"/>
      <c r="FN77" s="393"/>
      <c r="FO77" s="393"/>
      <c r="FP77" s="393"/>
      <c r="FQ77" s="393"/>
      <c r="FR77" s="393"/>
      <c r="FS77" s="393"/>
      <c r="FT77" s="393"/>
      <c r="FU77" s="393"/>
      <c r="FV77" s="393"/>
      <c r="FW77" s="393"/>
      <c r="FX77" s="393"/>
      <c r="FY77" s="393"/>
      <c r="FZ77" s="393"/>
      <c r="GA77" s="393"/>
      <c r="GB77" s="393"/>
      <c r="GC77" s="393"/>
      <c r="GD77" s="393"/>
      <c r="GE77" s="393"/>
      <c r="GF77" s="393"/>
      <c r="GG77" s="393"/>
      <c r="GH77" s="393"/>
      <c r="GI77" s="393"/>
      <c r="GJ77" s="393"/>
      <c r="GK77" s="393"/>
      <c r="GL77" s="394"/>
      <c r="GM77" s="67"/>
      <c r="HC77" s="377" t="s">
        <v>62</v>
      </c>
      <c r="HD77" s="377"/>
      <c r="HE77" s="377"/>
      <c r="HF77" s="377"/>
      <c r="HG77" s="377"/>
      <c r="HH77" s="377"/>
      <c r="HI77" s="377"/>
      <c r="HJ77" s="377"/>
      <c r="HK77" s="377"/>
      <c r="HL77" s="377"/>
      <c r="HM77" s="377"/>
      <c r="HN77" s="377"/>
      <c r="HO77" s="377"/>
      <c r="HP77" s="377"/>
      <c r="HQ77" s="377"/>
    </row>
    <row r="78" spans="2:225" ht="6" customHeight="1">
      <c r="B78" s="328" t="s">
        <v>56</v>
      </c>
      <c r="C78" s="329"/>
      <c r="D78" s="329"/>
      <c r="E78" s="329"/>
      <c r="F78" s="329"/>
      <c r="G78" s="329"/>
      <c r="H78" s="329" t="s">
        <v>57</v>
      </c>
      <c r="I78" s="329"/>
      <c r="J78" s="329"/>
      <c r="K78" s="329"/>
      <c r="L78" s="329"/>
      <c r="M78" s="329"/>
      <c r="N78" s="329" t="s">
        <v>58</v>
      </c>
      <c r="O78" s="329"/>
      <c r="P78" s="329"/>
      <c r="Q78" s="329"/>
      <c r="R78" s="329"/>
      <c r="S78" s="329"/>
      <c r="T78" s="329" t="s">
        <v>59</v>
      </c>
      <c r="U78" s="329"/>
      <c r="V78" s="329"/>
      <c r="W78" s="329"/>
      <c r="X78" s="329"/>
      <c r="Y78" s="332"/>
      <c r="Z78" s="333"/>
      <c r="AA78" s="334"/>
      <c r="AB78" s="334"/>
      <c r="AC78" s="334"/>
      <c r="AD78" s="334"/>
      <c r="AE78" s="334"/>
      <c r="AF78" s="334"/>
      <c r="AG78" s="334"/>
      <c r="AH78" s="334"/>
      <c r="AI78" s="334"/>
      <c r="AJ78" s="334"/>
      <c r="AK78" s="334"/>
      <c r="AL78" s="334"/>
      <c r="AM78" s="334"/>
      <c r="AN78" s="334"/>
      <c r="AO78" s="334"/>
      <c r="AP78" s="334"/>
      <c r="AQ78" s="334"/>
      <c r="AR78" s="334"/>
      <c r="AS78" s="334"/>
      <c r="AT78" s="334"/>
      <c r="AU78" s="334"/>
      <c r="AV78" s="334"/>
      <c r="AW78" s="334"/>
      <c r="AX78" s="334"/>
      <c r="AY78" s="334"/>
      <c r="AZ78" s="334"/>
      <c r="BA78" s="334"/>
      <c r="BB78" s="334"/>
      <c r="BC78" s="334"/>
      <c r="BD78" s="334"/>
      <c r="BE78" s="334"/>
      <c r="BF78" s="334"/>
      <c r="BG78" s="334"/>
      <c r="BH78" s="334"/>
      <c r="BI78" s="334"/>
      <c r="BJ78" s="336"/>
      <c r="BK78" s="358"/>
      <c r="BL78" s="334"/>
      <c r="BM78" s="334"/>
      <c r="BN78" s="334"/>
      <c r="BO78" s="334"/>
      <c r="BP78" s="334"/>
      <c r="BQ78" s="334"/>
      <c r="BR78" s="334"/>
      <c r="BS78" s="334"/>
      <c r="BT78" s="334"/>
      <c r="BU78" s="334"/>
      <c r="BV78" s="334"/>
      <c r="BW78" s="334"/>
      <c r="BX78" s="334"/>
      <c r="BY78" s="334"/>
      <c r="BZ78" s="334"/>
      <c r="CA78" s="334"/>
      <c r="CB78" s="334"/>
      <c r="CC78" s="334"/>
      <c r="CD78" s="334"/>
      <c r="CE78" s="334"/>
      <c r="CF78" s="334"/>
      <c r="CG78" s="334"/>
      <c r="CH78" s="334"/>
      <c r="CI78" s="359"/>
      <c r="CJ78" s="360"/>
      <c r="CK78" s="338"/>
      <c r="CL78" s="338"/>
      <c r="CM78" s="338"/>
      <c r="CN78" s="338"/>
      <c r="CO78" s="338"/>
      <c r="CP78" s="338"/>
      <c r="CQ78" s="338"/>
      <c r="CR78" s="346"/>
      <c r="CS78" s="349"/>
      <c r="CT78" s="338"/>
      <c r="CU78" s="338"/>
      <c r="CV78" s="338"/>
      <c r="CW78" s="338"/>
      <c r="CX78" s="338"/>
      <c r="CY78" s="338"/>
      <c r="CZ78" s="338"/>
      <c r="DA78" s="352"/>
      <c r="DB78" s="355"/>
      <c r="DC78" s="338"/>
      <c r="DD78" s="338"/>
      <c r="DE78" s="338"/>
      <c r="DF78" s="338"/>
      <c r="DG78" s="338"/>
      <c r="DH78" s="338"/>
      <c r="DI78" s="338"/>
      <c r="DJ78" s="339"/>
      <c r="DK78" s="411"/>
      <c r="DL78" s="405"/>
      <c r="DM78" s="405"/>
      <c r="DN78" s="405"/>
      <c r="DO78" s="405"/>
      <c r="DP78" s="405"/>
      <c r="DQ78" s="405"/>
      <c r="DR78" s="405"/>
      <c r="DS78" s="405"/>
      <c r="DT78" s="405"/>
      <c r="DU78" s="405"/>
      <c r="DV78" s="405"/>
      <c r="DW78" s="405"/>
      <c r="DX78" s="405"/>
      <c r="DY78" s="405"/>
      <c r="DZ78" s="387"/>
      <c r="EA78" s="60"/>
      <c r="EB78" s="60"/>
      <c r="EC78" s="60"/>
      <c r="ED78" s="68"/>
      <c r="EE78" s="383"/>
      <c r="EF78" s="383"/>
      <c r="EG78" s="383"/>
      <c r="EH78" s="383"/>
      <c r="EI78" s="69"/>
      <c r="EJ78" s="385"/>
      <c r="EK78" s="386"/>
      <c r="EL78" s="386"/>
      <c r="EM78" s="386"/>
      <c r="EN78" s="386"/>
      <c r="EO78" s="386"/>
      <c r="EP78" s="386"/>
      <c r="EQ78" s="386"/>
      <c r="ER78" s="386"/>
      <c r="ES78" s="386"/>
      <c r="ET78" s="386"/>
      <c r="EU78" s="386"/>
      <c r="EV78" s="386"/>
      <c r="EW78" s="386"/>
      <c r="EX78" s="386"/>
      <c r="EY78" s="386"/>
      <c r="EZ78" s="386"/>
      <c r="FA78" s="386"/>
      <c r="FB78" s="386"/>
      <c r="FC78" s="386"/>
      <c r="FD78" s="386"/>
      <c r="FE78" s="386"/>
      <c r="FF78" s="386"/>
      <c r="FG78" s="386"/>
      <c r="FH78" s="388"/>
      <c r="FI78" s="392"/>
      <c r="FJ78" s="393"/>
      <c r="FK78" s="393"/>
      <c r="FL78" s="393"/>
      <c r="FM78" s="393"/>
      <c r="FN78" s="393"/>
      <c r="FO78" s="393"/>
      <c r="FP78" s="393"/>
      <c r="FQ78" s="393"/>
      <c r="FR78" s="393"/>
      <c r="FS78" s="393"/>
      <c r="FT78" s="393"/>
      <c r="FU78" s="393"/>
      <c r="FV78" s="393"/>
      <c r="FW78" s="393"/>
      <c r="FX78" s="393"/>
      <c r="FY78" s="393"/>
      <c r="FZ78" s="393"/>
      <c r="GA78" s="393"/>
      <c r="GB78" s="393"/>
      <c r="GC78" s="393"/>
      <c r="GD78" s="393"/>
      <c r="GE78" s="393"/>
      <c r="GF78" s="393"/>
      <c r="GG78" s="393"/>
      <c r="GH78" s="393"/>
      <c r="GI78" s="393"/>
      <c r="GJ78" s="393"/>
      <c r="GK78" s="393"/>
      <c r="GL78" s="394"/>
      <c r="GM78" s="67"/>
      <c r="HC78" s="378"/>
      <c r="HD78" s="378"/>
      <c r="HE78" s="378"/>
      <c r="HF78" s="378"/>
      <c r="HG78" s="378"/>
      <c r="HH78" s="378"/>
      <c r="HI78" s="378"/>
      <c r="HJ78" s="378"/>
      <c r="HK78" s="378"/>
      <c r="HL78" s="378"/>
      <c r="HM78" s="378"/>
      <c r="HN78" s="378"/>
      <c r="HO78" s="378"/>
      <c r="HP78" s="378"/>
      <c r="HQ78" s="378"/>
    </row>
    <row r="79" spans="2:225" ht="6" customHeight="1">
      <c r="B79" s="330"/>
      <c r="C79" s="297"/>
      <c r="D79" s="297"/>
      <c r="E79" s="297"/>
      <c r="F79" s="297"/>
      <c r="G79" s="297"/>
      <c r="H79" s="297"/>
      <c r="I79" s="297"/>
      <c r="J79" s="297"/>
      <c r="K79" s="297"/>
      <c r="L79" s="297"/>
      <c r="M79" s="297"/>
      <c r="N79" s="297"/>
      <c r="O79" s="297"/>
      <c r="P79" s="297"/>
      <c r="Q79" s="297"/>
      <c r="R79" s="297"/>
      <c r="S79" s="297"/>
      <c r="T79" s="297"/>
      <c r="U79" s="297"/>
      <c r="V79" s="297"/>
      <c r="W79" s="297"/>
      <c r="X79" s="297"/>
      <c r="Y79" s="298"/>
      <c r="Z79" s="302"/>
      <c r="AA79" s="305"/>
      <c r="AB79" s="305"/>
      <c r="AC79" s="305"/>
      <c r="AD79" s="305"/>
      <c r="AE79" s="305"/>
      <c r="AF79" s="305"/>
      <c r="AG79" s="305"/>
      <c r="AH79" s="305"/>
      <c r="AI79" s="305"/>
      <c r="AJ79" s="305"/>
      <c r="AK79" s="305"/>
      <c r="AL79" s="305"/>
      <c r="AM79" s="305"/>
      <c r="AN79" s="305"/>
      <c r="AO79" s="305"/>
      <c r="AP79" s="305"/>
      <c r="AQ79" s="305"/>
      <c r="AR79" s="305"/>
      <c r="AS79" s="305"/>
      <c r="AT79" s="305"/>
      <c r="AU79" s="305"/>
      <c r="AV79" s="305"/>
      <c r="AW79" s="305"/>
      <c r="AX79" s="305"/>
      <c r="AY79" s="305"/>
      <c r="AZ79" s="305"/>
      <c r="BA79" s="305"/>
      <c r="BB79" s="305"/>
      <c r="BC79" s="305"/>
      <c r="BD79" s="305"/>
      <c r="BE79" s="305"/>
      <c r="BF79" s="305"/>
      <c r="BG79" s="305"/>
      <c r="BH79" s="305"/>
      <c r="BI79" s="305"/>
      <c r="BJ79" s="336"/>
      <c r="BK79" s="358"/>
      <c r="BL79" s="305"/>
      <c r="BM79" s="305"/>
      <c r="BN79" s="305"/>
      <c r="BO79" s="305"/>
      <c r="BP79" s="305"/>
      <c r="BQ79" s="305"/>
      <c r="BR79" s="305"/>
      <c r="BS79" s="305"/>
      <c r="BT79" s="305"/>
      <c r="BU79" s="305"/>
      <c r="BV79" s="305"/>
      <c r="BW79" s="305"/>
      <c r="BX79" s="305"/>
      <c r="BY79" s="305"/>
      <c r="BZ79" s="305"/>
      <c r="CA79" s="305"/>
      <c r="CB79" s="305"/>
      <c r="CC79" s="305"/>
      <c r="CD79" s="305"/>
      <c r="CE79" s="305"/>
      <c r="CF79" s="305"/>
      <c r="CG79" s="305"/>
      <c r="CH79" s="305"/>
      <c r="CI79" s="359"/>
      <c r="CJ79" s="361"/>
      <c r="CK79" s="340"/>
      <c r="CL79" s="340"/>
      <c r="CM79" s="340"/>
      <c r="CN79" s="340"/>
      <c r="CO79" s="340"/>
      <c r="CP79" s="340"/>
      <c r="CQ79" s="340"/>
      <c r="CR79" s="347"/>
      <c r="CS79" s="350"/>
      <c r="CT79" s="340"/>
      <c r="CU79" s="340"/>
      <c r="CV79" s="340"/>
      <c r="CW79" s="340"/>
      <c r="CX79" s="340"/>
      <c r="CY79" s="340"/>
      <c r="CZ79" s="340"/>
      <c r="DA79" s="353"/>
      <c r="DB79" s="356"/>
      <c r="DC79" s="340"/>
      <c r="DD79" s="340"/>
      <c r="DE79" s="340"/>
      <c r="DF79" s="340"/>
      <c r="DG79" s="340"/>
      <c r="DH79" s="340"/>
      <c r="DI79" s="340"/>
      <c r="DJ79" s="341"/>
      <c r="DK79" s="407"/>
      <c r="DL79" s="305"/>
      <c r="DM79" s="305"/>
      <c r="DN79" s="305"/>
      <c r="DO79" s="305"/>
      <c r="DP79" s="305"/>
      <c r="DQ79" s="305"/>
      <c r="DR79" s="305"/>
      <c r="DS79" s="305"/>
      <c r="DT79" s="305"/>
      <c r="DU79" s="305"/>
      <c r="DV79" s="305"/>
      <c r="DW79" s="305"/>
      <c r="DX79" s="305"/>
      <c r="DY79" s="305"/>
      <c r="DZ79" s="380"/>
      <c r="EA79" s="60"/>
      <c r="EB79" s="60"/>
      <c r="EC79" s="60"/>
      <c r="ED79" s="68"/>
      <c r="EE79" s="383"/>
      <c r="EF79" s="383"/>
      <c r="EG79" s="383"/>
      <c r="EH79" s="383"/>
      <c r="EI79" s="69"/>
      <c r="EJ79" s="385"/>
      <c r="EK79" s="386" t="s">
        <v>63</v>
      </c>
      <c r="EL79" s="386"/>
      <c r="EM79" s="386"/>
      <c r="EN79" s="386"/>
      <c r="EO79" s="386"/>
      <c r="EP79" s="386"/>
      <c r="EQ79" s="386"/>
      <c r="ER79" s="386"/>
      <c r="ES79" s="386"/>
      <c r="ET79" s="386"/>
      <c r="EU79" s="386"/>
      <c r="EV79" s="386"/>
      <c r="EW79" s="386"/>
      <c r="EX79" s="386"/>
      <c r="EY79" s="386"/>
      <c r="EZ79" s="386"/>
      <c r="FA79" s="386"/>
      <c r="FB79" s="386"/>
      <c r="FC79" s="386"/>
      <c r="FD79" s="386"/>
      <c r="FE79" s="386"/>
      <c r="FF79" s="386"/>
      <c r="FG79" s="386"/>
      <c r="FH79" s="388"/>
      <c r="FI79" s="389"/>
      <c r="FJ79" s="390"/>
      <c r="FK79" s="390"/>
      <c r="FL79" s="390"/>
      <c r="FM79" s="390"/>
      <c r="FN79" s="390"/>
      <c r="FO79" s="390"/>
      <c r="FP79" s="390"/>
      <c r="FQ79" s="390"/>
      <c r="FR79" s="390"/>
      <c r="FS79" s="390"/>
      <c r="FT79" s="390"/>
      <c r="FU79" s="390"/>
      <c r="FV79" s="390"/>
      <c r="FW79" s="390"/>
      <c r="FX79" s="390"/>
      <c r="FY79" s="390"/>
      <c r="FZ79" s="390"/>
      <c r="GA79" s="390"/>
      <c r="GB79" s="390"/>
      <c r="GC79" s="390"/>
      <c r="GD79" s="390"/>
      <c r="GE79" s="390"/>
      <c r="GF79" s="390"/>
      <c r="GG79" s="390"/>
      <c r="GH79" s="390"/>
      <c r="GI79" s="390"/>
      <c r="GJ79" s="390"/>
      <c r="GK79" s="390"/>
      <c r="GL79" s="391"/>
      <c r="GM79" s="67"/>
      <c r="HC79" s="395"/>
      <c r="HD79" s="395"/>
      <c r="HE79" s="395"/>
      <c r="HF79" s="395"/>
      <c r="HG79" s="395"/>
      <c r="HH79" s="395"/>
      <c r="HI79" s="395"/>
      <c r="HJ79" s="395"/>
      <c r="HK79" s="395"/>
      <c r="HL79" s="395"/>
      <c r="HM79" s="395"/>
      <c r="HN79" s="395"/>
      <c r="HO79" s="395"/>
      <c r="HP79" s="395"/>
      <c r="HQ79" s="395"/>
    </row>
    <row r="80" spans="2:225" ht="6" customHeight="1">
      <c r="B80" s="330"/>
      <c r="C80" s="297"/>
      <c r="D80" s="297"/>
      <c r="E80" s="297"/>
      <c r="F80" s="297"/>
      <c r="G80" s="297"/>
      <c r="H80" s="297"/>
      <c r="I80" s="297"/>
      <c r="J80" s="297"/>
      <c r="K80" s="297"/>
      <c r="L80" s="297"/>
      <c r="M80" s="297"/>
      <c r="N80" s="297"/>
      <c r="O80" s="297"/>
      <c r="P80" s="297"/>
      <c r="Q80" s="297"/>
      <c r="R80" s="297"/>
      <c r="S80" s="297"/>
      <c r="T80" s="297"/>
      <c r="U80" s="297"/>
      <c r="V80" s="297"/>
      <c r="W80" s="297"/>
      <c r="X80" s="297"/>
      <c r="Y80" s="298"/>
      <c r="Z80" s="302"/>
      <c r="AA80" s="305"/>
      <c r="AB80" s="305"/>
      <c r="AC80" s="305"/>
      <c r="AD80" s="305"/>
      <c r="AE80" s="305"/>
      <c r="AF80" s="305"/>
      <c r="AG80" s="305"/>
      <c r="AH80" s="305"/>
      <c r="AI80" s="305"/>
      <c r="AJ80" s="305"/>
      <c r="AK80" s="305"/>
      <c r="AL80" s="305"/>
      <c r="AM80" s="305"/>
      <c r="AN80" s="305"/>
      <c r="AO80" s="305"/>
      <c r="AP80" s="305"/>
      <c r="AQ80" s="305"/>
      <c r="AR80" s="305"/>
      <c r="AS80" s="305"/>
      <c r="AT80" s="305"/>
      <c r="AU80" s="305"/>
      <c r="AV80" s="305"/>
      <c r="AW80" s="305"/>
      <c r="AX80" s="305"/>
      <c r="AY80" s="305"/>
      <c r="AZ80" s="305"/>
      <c r="BA80" s="305"/>
      <c r="BB80" s="305"/>
      <c r="BC80" s="305"/>
      <c r="BD80" s="305"/>
      <c r="BE80" s="305"/>
      <c r="BF80" s="305"/>
      <c r="BG80" s="305"/>
      <c r="BH80" s="305"/>
      <c r="BI80" s="305"/>
      <c r="BJ80" s="336"/>
      <c r="BK80" s="358"/>
      <c r="BL80" s="305"/>
      <c r="BM80" s="305"/>
      <c r="BN80" s="305"/>
      <c r="BO80" s="305"/>
      <c r="BP80" s="305"/>
      <c r="BQ80" s="305"/>
      <c r="BR80" s="305"/>
      <c r="BS80" s="305"/>
      <c r="BT80" s="305"/>
      <c r="BU80" s="305"/>
      <c r="BV80" s="305"/>
      <c r="BW80" s="305"/>
      <c r="BX80" s="305"/>
      <c r="BY80" s="305"/>
      <c r="BZ80" s="305"/>
      <c r="CA80" s="305"/>
      <c r="CB80" s="305"/>
      <c r="CC80" s="305"/>
      <c r="CD80" s="305"/>
      <c r="CE80" s="305"/>
      <c r="CF80" s="305"/>
      <c r="CG80" s="305"/>
      <c r="CH80" s="305"/>
      <c r="CI80" s="359"/>
      <c r="CJ80" s="361"/>
      <c r="CK80" s="340"/>
      <c r="CL80" s="340"/>
      <c r="CM80" s="340"/>
      <c r="CN80" s="340"/>
      <c r="CO80" s="340"/>
      <c r="CP80" s="340"/>
      <c r="CQ80" s="340"/>
      <c r="CR80" s="347"/>
      <c r="CS80" s="350"/>
      <c r="CT80" s="340"/>
      <c r="CU80" s="340"/>
      <c r="CV80" s="340"/>
      <c r="CW80" s="340"/>
      <c r="CX80" s="340"/>
      <c r="CY80" s="340"/>
      <c r="CZ80" s="340"/>
      <c r="DA80" s="353"/>
      <c r="DB80" s="356"/>
      <c r="DC80" s="340"/>
      <c r="DD80" s="340"/>
      <c r="DE80" s="340"/>
      <c r="DF80" s="340"/>
      <c r="DG80" s="340"/>
      <c r="DH80" s="340"/>
      <c r="DI80" s="340"/>
      <c r="DJ80" s="341"/>
      <c r="DK80" s="407"/>
      <c r="DL80" s="305"/>
      <c r="DM80" s="305"/>
      <c r="DN80" s="305"/>
      <c r="DO80" s="305"/>
      <c r="DP80" s="305"/>
      <c r="DQ80" s="305"/>
      <c r="DR80" s="305"/>
      <c r="DS80" s="305"/>
      <c r="DT80" s="305"/>
      <c r="DU80" s="305"/>
      <c r="DV80" s="305"/>
      <c r="DW80" s="305"/>
      <c r="DX80" s="305"/>
      <c r="DY80" s="305"/>
      <c r="DZ80" s="380"/>
      <c r="EA80" s="60"/>
      <c r="EB80" s="60"/>
      <c r="EC80" s="60"/>
      <c r="ED80" s="68"/>
      <c r="EE80" s="383"/>
      <c r="EF80" s="383"/>
      <c r="EG80" s="383"/>
      <c r="EH80" s="383"/>
      <c r="EI80" s="69"/>
      <c r="EJ80" s="385"/>
      <c r="EK80" s="386"/>
      <c r="EL80" s="386"/>
      <c r="EM80" s="386"/>
      <c r="EN80" s="386"/>
      <c r="EO80" s="386"/>
      <c r="EP80" s="386"/>
      <c r="EQ80" s="386"/>
      <c r="ER80" s="386"/>
      <c r="ES80" s="386"/>
      <c r="ET80" s="386"/>
      <c r="EU80" s="386"/>
      <c r="EV80" s="386"/>
      <c r="EW80" s="386"/>
      <c r="EX80" s="386"/>
      <c r="EY80" s="386"/>
      <c r="EZ80" s="386"/>
      <c r="FA80" s="386"/>
      <c r="FB80" s="386"/>
      <c r="FC80" s="386"/>
      <c r="FD80" s="386"/>
      <c r="FE80" s="386"/>
      <c r="FF80" s="386"/>
      <c r="FG80" s="386"/>
      <c r="FH80" s="388"/>
      <c r="FI80" s="392"/>
      <c r="FJ80" s="393"/>
      <c r="FK80" s="393"/>
      <c r="FL80" s="393"/>
      <c r="FM80" s="393"/>
      <c r="FN80" s="393"/>
      <c r="FO80" s="393"/>
      <c r="FP80" s="393"/>
      <c r="FQ80" s="393"/>
      <c r="FR80" s="393"/>
      <c r="FS80" s="393"/>
      <c r="FT80" s="393"/>
      <c r="FU80" s="393"/>
      <c r="FV80" s="393"/>
      <c r="FW80" s="393"/>
      <c r="FX80" s="393"/>
      <c r="FY80" s="393"/>
      <c r="FZ80" s="393"/>
      <c r="GA80" s="393"/>
      <c r="GB80" s="393"/>
      <c r="GC80" s="393"/>
      <c r="GD80" s="393"/>
      <c r="GE80" s="393"/>
      <c r="GF80" s="393"/>
      <c r="GG80" s="393"/>
      <c r="GH80" s="393"/>
      <c r="GI80" s="393"/>
      <c r="GJ80" s="393"/>
      <c r="GK80" s="393"/>
      <c r="GL80" s="394"/>
      <c r="GM80" s="67"/>
      <c r="HC80" s="395"/>
      <c r="HD80" s="395"/>
      <c r="HE80" s="395"/>
      <c r="HF80" s="395"/>
      <c r="HG80" s="395"/>
      <c r="HH80" s="395"/>
      <c r="HI80" s="395"/>
      <c r="HJ80" s="395"/>
      <c r="HK80" s="395"/>
      <c r="HL80" s="395"/>
      <c r="HM80" s="395"/>
      <c r="HN80" s="395"/>
      <c r="HO80" s="395"/>
      <c r="HP80" s="395"/>
      <c r="HQ80" s="395"/>
    </row>
    <row r="81" spans="2:225" ht="6" customHeight="1">
      <c r="B81" s="331"/>
      <c r="C81" s="299"/>
      <c r="D81" s="299"/>
      <c r="E81" s="299"/>
      <c r="F81" s="299"/>
      <c r="G81" s="299"/>
      <c r="H81" s="299"/>
      <c r="I81" s="299"/>
      <c r="J81" s="299"/>
      <c r="K81" s="299"/>
      <c r="L81" s="299"/>
      <c r="M81" s="299"/>
      <c r="N81" s="299"/>
      <c r="O81" s="299"/>
      <c r="P81" s="299"/>
      <c r="Q81" s="299"/>
      <c r="R81" s="299"/>
      <c r="S81" s="299"/>
      <c r="T81" s="299"/>
      <c r="U81" s="299"/>
      <c r="V81" s="299"/>
      <c r="W81" s="299"/>
      <c r="X81" s="299"/>
      <c r="Y81" s="300"/>
      <c r="Z81" s="303"/>
      <c r="AA81" s="306"/>
      <c r="AB81" s="306"/>
      <c r="AC81" s="306"/>
      <c r="AD81" s="306"/>
      <c r="AE81" s="306"/>
      <c r="AF81" s="306"/>
      <c r="AG81" s="306"/>
      <c r="AH81" s="306"/>
      <c r="AI81" s="306"/>
      <c r="AJ81" s="306"/>
      <c r="AK81" s="306"/>
      <c r="AL81" s="306"/>
      <c r="AM81" s="306"/>
      <c r="AN81" s="306"/>
      <c r="AO81" s="306"/>
      <c r="AP81" s="306"/>
      <c r="AQ81" s="306"/>
      <c r="AR81" s="306"/>
      <c r="AS81" s="306"/>
      <c r="AT81" s="306"/>
      <c r="AU81" s="306"/>
      <c r="AV81" s="306"/>
      <c r="AW81" s="306"/>
      <c r="AX81" s="306"/>
      <c r="AY81" s="306"/>
      <c r="AZ81" s="306"/>
      <c r="BA81" s="306"/>
      <c r="BB81" s="306"/>
      <c r="BC81" s="306"/>
      <c r="BD81" s="306"/>
      <c r="BE81" s="306"/>
      <c r="BF81" s="306"/>
      <c r="BG81" s="306"/>
      <c r="BH81" s="306"/>
      <c r="BI81" s="306"/>
      <c r="BJ81" s="336"/>
      <c r="BK81" s="358"/>
      <c r="BL81" s="306"/>
      <c r="BM81" s="306"/>
      <c r="BN81" s="306"/>
      <c r="BO81" s="306"/>
      <c r="BP81" s="306"/>
      <c r="BQ81" s="306"/>
      <c r="BR81" s="306"/>
      <c r="BS81" s="306"/>
      <c r="BT81" s="306"/>
      <c r="BU81" s="306"/>
      <c r="BV81" s="306"/>
      <c r="BW81" s="306"/>
      <c r="BX81" s="306"/>
      <c r="BY81" s="306"/>
      <c r="BZ81" s="306"/>
      <c r="CA81" s="306"/>
      <c r="CB81" s="306"/>
      <c r="CC81" s="306"/>
      <c r="CD81" s="306"/>
      <c r="CE81" s="306"/>
      <c r="CF81" s="306"/>
      <c r="CG81" s="306"/>
      <c r="CH81" s="306"/>
      <c r="CI81" s="359"/>
      <c r="CJ81" s="362"/>
      <c r="CK81" s="342"/>
      <c r="CL81" s="342"/>
      <c r="CM81" s="342"/>
      <c r="CN81" s="342"/>
      <c r="CO81" s="342"/>
      <c r="CP81" s="342"/>
      <c r="CQ81" s="342"/>
      <c r="CR81" s="348"/>
      <c r="CS81" s="351"/>
      <c r="CT81" s="342"/>
      <c r="CU81" s="342"/>
      <c r="CV81" s="342"/>
      <c r="CW81" s="342"/>
      <c r="CX81" s="342"/>
      <c r="CY81" s="342"/>
      <c r="CZ81" s="342"/>
      <c r="DA81" s="354"/>
      <c r="DB81" s="357"/>
      <c r="DC81" s="342"/>
      <c r="DD81" s="342"/>
      <c r="DE81" s="342"/>
      <c r="DF81" s="342"/>
      <c r="DG81" s="342"/>
      <c r="DH81" s="342"/>
      <c r="DI81" s="342"/>
      <c r="DJ81" s="343"/>
      <c r="DK81" s="345"/>
      <c r="DL81" s="304"/>
      <c r="DM81" s="304"/>
      <c r="DN81" s="304"/>
      <c r="DO81" s="304"/>
      <c r="DP81" s="304"/>
      <c r="DQ81" s="304"/>
      <c r="DR81" s="304"/>
      <c r="DS81" s="304"/>
      <c r="DT81" s="304"/>
      <c r="DU81" s="304"/>
      <c r="DV81" s="304"/>
      <c r="DW81" s="304"/>
      <c r="DX81" s="304"/>
      <c r="DY81" s="304"/>
      <c r="DZ81" s="376"/>
      <c r="EA81" s="60"/>
      <c r="EB81" s="60"/>
      <c r="EC81" s="60"/>
      <c r="ED81" s="68"/>
      <c r="EE81" s="383"/>
      <c r="EF81" s="383"/>
      <c r="EG81" s="383"/>
      <c r="EH81" s="383"/>
      <c r="EI81" s="69"/>
      <c r="EJ81" s="385"/>
      <c r="EK81" s="386"/>
      <c r="EL81" s="386"/>
      <c r="EM81" s="386"/>
      <c r="EN81" s="386"/>
      <c r="EO81" s="386"/>
      <c r="EP81" s="386"/>
      <c r="EQ81" s="386"/>
      <c r="ER81" s="386"/>
      <c r="ES81" s="386"/>
      <c r="ET81" s="386"/>
      <c r="EU81" s="386"/>
      <c r="EV81" s="386"/>
      <c r="EW81" s="386"/>
      <c r="EX81" s="386"/>
      <c r="EY81" s="386"/>
      <c r="EZ81" s="386"/>
      <c r="FA81" s="386"/>
      <c r="FB81" s="386"/>
      <c r="FC81" s="386"/>
      <c r="FD81" s="386"/>
      <c r="FE81" s="386"/>
      <c r="FF81" s="386"/>
      <c r="FG81" s="386"/>
      <c r="FH81" s="388"/>
      <c r="FI81" s="392"/>
      <c r="FJ81" s="393"/>
      <c r="FK81" s="393"/>
      <c r="FL81" s="393"/>
      <c r="FM81" s="393"/>
      <c r="FN81" s="393"/>
      <c r="FO81" s="393"/>
      <c r="FP81" s="393"/>
      <c r="FQ81" s="393"/>
      <c r="FR81" s="393"/>
      <c r="FS81" s="393"/>
      <c r="FT81" s="393"/>
      <c r="FU81" s="393"/>
      <c r="FV81" s="393"/>
      <c r="FW81" s="393"/>
      <c r="FX81" s="393"/>
      <c r="FY81" s="393"/>
      <c r="FZ81" s="393"/>
      <c r="GA81" s="393"/>
      <c r="GB81" s="393"/>
      <c r="GC81" s="393"/>
      <c r="GD81" s="393"/>
      <c r="GE81" s="393"/>
      <c r="GF81" s="393"/>
      <c r="GG81" s="393"/>
      <c r="GH81" s="393"/>
      <c r="GI81" s="393"/>
      <c r="GJ81" s="393"/>
      <c r="GK81" s="393"/>
      <c r="GL81" s="394"/>
      <c r="GM81" s="67"/>
      <c r="HC81" s="395"/>
      <c r="HD81" s="395"/>
      <c r="HE81" s="395"/>
      <c r="HF81" s="395"/>
      <c r="HG81" s="395"/>
      <c r="HH81" s="395"/>
      <c r="HI81" s="395"/>
      <c r="HJ81" s="395"/>
      <c r="HK81" s="395"/>
      <c r="HL81" s="395"/>
      <c r="HM81" s="395"/>
      <c r="HN81" s="395"/>
      <c r="HO81" s="395"/>
      <c r="HP81" s="395"/>
      <c r="HQ81" s="395"/>
    </row>
    <row r="82" spans="2:225" ht="6" customHeight="1" thickBot="1">
      <c r="B82" s="328" t="s">
        <v>56</v>
      </c>
      <c r="C82" s="329"/>
      <c r="D82" s="329"/>
      <c r="E82" s="329"/>
      <c r="F82" s="329"/>
      <c r="G82" s="329"/>
      <c r="H82" s="329" t="s">
        <v>57</v>
      </c>
      <c r="I82" s="329"/>
      <c r="J82" s="329"/>
      <c r="K82" s="329"/>
      <c r="L82" s="329"/>
      <c r="M82" s="329"/>
      <c r="N82" s="329" t="s">
        <v>58</v>
      </c>
      <c r="O82" s="329"/>
      <c r="P82" s="329"/>
      <c r="Q82" s="329"/>
      <c r="R82" s="329"/>
      <c r="S82" s="329"/>
      <c r="T82" s="329" t="s">
        <v>59</v>
      </c>
      <c r="U82" s="329"/>
      <c r="V82" s="329"/>
      <c r="W82" s="329"/>
      <c r="X82" s="329"/>
      <c r="Y82" s="332"/>
      <c r="Z82" s="333"/>
      <c r="AA82" s="334"/>
      <c r="AB82" s="334"/>
      <c r="AC82" s="334"/>
      <c r="AD82" s="334"/>
      <c r="AE82" s="334"/>
      <c r="AF82" s="334"/>
      <c r="AG82" s="334"/>
      <c r="AH82" s="334"/>
      <c r="AI82" s="334"/>
      <c r="AJ82" s="334"/>
      <c r="AK82" s="334"/>
      <c r="AL82" s="334"/>
      <c r="AM82" s="334"/>
      <c r="AN82" s="334"/>
      <c r="AO82" s="334"/>
      <c r="AP82" s="334"/>
      <c r="AQ82" s="334"/>
      <c r="AR82" s="334"/>
      <c r="AS82" s="334"/>
      <c r="AT82" s="334"/>
      <c r="AU82" s="334"/>
      <c r="AV82" s="334"/>
      <c r="AW82" s="334"/>
      <c r="AX82" s="334"/>
      <c r="AY82" s="334"/>
      <c r="AZ82" s="334"/>
      <c r="BA82" s="334"/>
      <c r="BB82" s="334"/>
      <c r="BC82" s="334"/>
      <c r="BD82" s="334"/>
      <c r="BE82" s="334"/>
      <c r="BF82" s="334"/>
      <c r="BG82" s="334"/>
      <c r="BH82" s="334"/>
      <c r="BI82" s="334"/>
      <c r="BJ82" s="335"/>
      <c r="BK82" s="364"/>
      <c r="BL82" s="334"/>
      <c r="BM82" s="334"/>
      <c r="BN82" s="334"/>
      <c r="BO82" s="334"/>
      <c r="BP82" s="334"/>
      <c r="BQ82" s="334"/>
      <c r="BR82" s="334"/>
      <c r="BS82" s="334"/>
      <c r="BT82" s="334"/>
      <c r="BU82" s="334"/>
      <c r="BV82" s="334"/>
      <c r="BW82" s="334"/>
      <c r="BX82" s="334"/>
      <c r="BY82" s="334"/>
      <c r="BZ82" s="334"/>
      <c r="CA82" s="334"/>
      <c r="CB82" s="334"/>
      <c r="CC82" s="334"/>
      <c r="CD82" s="334"/>
      <c r="CE82" s="334"/>
      <c r="CF82" s="334"/>
      <c r="CG82" s="334"/>
      <c r="CH82" s="334"/>
      <c r="CI82" s="366"/>
      <c r="CJ82" s="368"/>
      <c r="CK82" s="369"/>
      <c r="CL82" s="369"/>
      <c r="CM82" s="369"/>
      <c r="CN82" s="369"/>
      <c r="CO82" s="369"/>
      <c r="CP82" s="369"/>
      <c r="CQ82" s="369"/>
      <c r="CR82" s="372"/>
      <c r="CS82" s="412"/>
      <c r="CT82" s="369"/>
      <c r="CU82" s="369"/>
      <c r="CV82" s="369"/>
      <c r="CW82" s="369"/>
      <c r="CX82" s="369"/>
      <c r="CY82" s="369"/>
      <c r="CZ82" s="369"/>
      <c r="DA82" s="403"/>
      <c r="DB82" s="404"/>
      <c r="DC82" s="369"/>
      <c r="DD82" s="369"/>
      <c r="DE82" s="369"/>
      <c r="DF82" s="369"/>
      <c r="DG82" s="369"/>
      <c r="DH82" s="369"/>
      <c r="DI82" s="369"/>
      <c r="DJ82" s="416"/>
      <c r="DK82" s="406"/>
      <c r="DL82" s="409"/>
      <c r="DM82" s="409"/>
      <c r="DN82" s="409"/>
      <c r="DO82" s="409"/>
      <c r="DP82" s="409"/>
      <c r="DQ82" s="409"/>
      <c r="DR82" s="409"/>
      <c r="DS82" s="409"/>
      <c r="DT82" s="409"/>
      <c r="DU82" s="409"/>
      <c r="DV82" s="409"/>
      <c r="DW82" s="409"/>
      <c r="DX82" s="409"/>
      <c r="DY82" s="409"/>
      <c r="DZ82" s="379"/>
      <c r="EA82" s="60"/>
      <c r="EB82" s="60"/>
      <c r="EC82" s="60"/>
      <c r="ED82" s="68"/>
      <c r="EE82" s="383"/>
      <c r="EF82" s="383"/>
      <c r="EG82" s="383"/>
      <c r="EH82" s="383"/>
      <c r="EI82" s="69"/>
      <c r="EJ82" s="385"/>
      <c r="EK82" s="386"/>
      <c r="EL82" s="386"/>
      <c r="EM82" s="386"/>
      <c r="EN82" s="386"/>
      <c r="EO82" s="386"/>
      <c r="EP82" s="386"/>
      <c r="EQ82" s="386"/>
      <c r="ER82" s="386"/>
      <c r="ES82" s="386"/>
      <c r="ET82" s="386"/>
      <c r="EU82" s="386"/>
      <c r="EV82" s="386"/>
      <c r="EW82" s="386"/>
      <c r="EX82" s="386"/>
      <c r="EY82" s="386"/>
      <c r="EZ82" s="386"/>
      <c r="FA82" s="386"/>
      <c r="FB82" s="386"/>
      <c r="FC82" s="386"/>
      <c r="FD82" s="386"/>
      <c r="FE82" s="386"/>
      <c r="FF82" s="386"/>
      <c r="FG82" s="386"/>
      <c r="FH82" s="388"/>
      <c r="FI82" s="392"/>
      <c r="FJ82" s="393"/>
      <c r="FK82" s="393"/>
      <c r="FL82" s="393"/>
      <c r="FM82" s="393"/>
      <c r="FN82" s="393"/>
      <c r="FO82" s="393"/>
      <c r="FP82" s="393"/>
      <c r="FQ82" s="393"/>
      <c r="FR82" s="393"/>
      <c r="FS82" s="393"/>
      <c r="FT82" s="393"/>
      <c r="FU82" s="393"/>
      <c r="FV82" s="393"/>
      <c r="FW82" s="393"/>
      <c r="FX82" s="393"/>
      <c r="FY82" s="393"/>
      <c r="FZ82" s="393"/>
      <c r="GA82" s="393"/>
      <c r="GB82" s="393"/>
      <c r="GC82" s="393"/>
      <c r="GD82" s="393"/>
      <c r="GE82" s="393"/>
      <c r="GF82" s="393"/>
      <c r="GG82" s="393"/>
      <c r="GH82" s="393"/>
      <c r="GI82" s="393"/>
      <c r="GJ82" s="393"/>
      <c r="GK82" s="393"/>
      <c r="GL82" s="394"/>
      <c r="GM82" s="67"/>
      <c r="HC82" s="395"/>
      <c r="HD82" s="395"/>
      <c r="HE82" s="395"/>
      <c r="HF82" s="395"/>
      <c r="HG82" s="395"/>
      <c r="HH82" s="395"/>
      <c r="HI82" s="395"/>
      <c r="HJ82" s="395"/>
      <c r="HK82" s="395"/>
      <c r="HL82" s="395"/>
      <c r="HM82" s="395"/>
      <c r="HN82" s="395"/>
      <c r="HO82" s="395"/>
      <c r="HP82" s="395"/>
      <c r="HQ82" s="395"/>
    </row>
    <row r="83" spans="2:225" ht="6" customHeight="1">
      <c r="B83" s="330"/>
      <c r="C83" s="297"/>
      <c r="D83" s="297"/>
      <c r="E83" s="297"/>
      <c r="F83" s="297"/>
      <c r="G83" s="297"/>
      <c r="H83" s="297"/>
      <c r="I83" s="297"/>
      <c r="J83" s="297"/>
      <c r="K83" s="297"/>
      <c r="L83" s="297"/>
      <c r="M83" s="297"/>
      <c r="N83" s="297"/>
      <c r="O83" s="297"/>
      <c r="P83" s="297"/>
      <c r="Q83" s="297"/>
      <c r="R83" s="297"/>
      <c r="S83" s="297"/>
      <c r="T83" s="297"/>
      <c r="U83" s="297"/>
      <c r="V83" s="297"/>
      <c r="W83" s="297"/>
      <c r="X83" s="297"/>
      <c r="Y83" s="298"/>
      <c r="Z83" s="302"/>
      <c r="AA83" s="305"/>
      <c r="AB83" s="305"/>
      <c r="AC83" s="305"/>
      <c r="AD83" s="305"/>
      <c r="AE83" s="305"/>
      <c r="AF83" s="305"/>
      <c r="AG83" s="305"/>
      <c r="AH83" s="305"/>
      <c r="AI83" s="305"/>
      <c r="AJ83" s="305"/>
      <c r="AK83" s="305"/>
      <c r="AL83" s="305"/>
      <c r="AM83" s="305"/>
      <c r="AN83" s="305"/>
      <c r="AO83" s="305"/>
      <c r="AP83" s="305"/>
      <c r="AQ83" s="305"/>
      <c r="AR83" s="305"/>
      <c r="AS83" s="305"/>
      <c r="AT83" s="305"/>
      <c r="AU83" s="305"/>
      <c r="AV83" s="305"/>
      <c r="AW83" s="305"/>
      <c r="AX83" s="305"/>
      <c r="AY83" s="305"/>
      <c r="AZ83" s="305"/>
      <c r="BA83" s="305"/>
      <c r="BB83" s="305"/>
      <c r="BC83" s="305"/>
      <c r="BD83" s="305"/>
      <c r="BE83" s="305"/>
      <c r="BF83" s="305"/>
      <c r="BG83" s="305"/>
      <c r="BH83" s="305"/>
      <c r="BI83" s="305"/>
      <c r="BJ83" s="336"/>
      <c r="BK83" s="358"/>
      <c r="BL83" s="305"/>
      <c r="BM83" s="305"/>
      <c r="BN83" s="305"/>
      <c r="BO83" s="305"/>
      <c r="BP83" s="305"/>
      <c r="BQ83" s="305"/>
      <c r="BR83" s="305"/>
      <c r="BS83" s="305"/>
      <c r="BT83" s="305"/>
      <c r="BU83" s="305"/>
      <c r="BV83" s="305"/>
      <c r="BW83" s="305"/>
      <c r="BX83" s="305"/>
      <c r="BY83" s="305"/>
      <c r="BZ83" s="305"/>
      <c r="CA83" s="305"/>
      <c r="CB83" s="305"/>
      <c r="CC83" s="305"/>
      <c r="CD83" s="305"/>
      <c r="CE83" s="305"/>
      <c r="CF83" s="305"/>
      <c r="CG83" s="305"/>
      <c r="CH83" s="305"/>
      <c r="CI83" s="359"/>
      <c r="CJ83" s="361"/>
      <c r="CK83" s="340"/>
      <c r="CL83" s="340"/>
      <c r="CM83" s="340"/>
      <c r="CN83" s="340"/>
      <c r="CO83" s="340"/>
      <c r="CP83" s="340"/>
      <c r="CQ83" s="340"/>
      <c r="CR83" s="347"/>
      <c r="CS83" s="350"/>
      <c r="CT83" s="340"/>
      <c r="CU83" s="340"/>
      <c r="CV83" s="340"/>
      <c r="CW83" s="340"/>
      <c r="CX83" s="340"/>
      <c r="CY83" s="340"/>
      <c r="CZ83" s="340"/>
      <c r="DA83" s="353"/>
      <c r="DB83" s="356"/>
      <c r="DC83" s="340"/>
      <c r="DD83" s="340"/>
      <c r="DE83" s="340"/>
      <c r="DF83" s="340"/>
      <c r="DG83" s="340"/>
      <c r="DH83" s="340"/>
      <c r="DI83" s="340"/>
      <c r="DJ83" s="341"/>
      <c r="DK83" s="407"/>
      <c r="DL83" s="305"/>
      <c r="DM83" s="305"/>
      <c r="DN83" s="305"/>
      <c r="DO83" s="305"/>
      <c r="DP83" s="305"/>
      <c r="DQ83" s="305"/>
      <c r="DR83" s="305"/>
      <c r="DS83" s="305"/>
      <c r="DT83" s="305"/>
      <c r="DU83" s="305"/>
      <c r="DV83" s="305"/>
      <c r="DW83" s="305"/>
      <c r="DX83" s="305"/>
      <c r="DY83" s="305"/>
      <c r="DZ83" s="380"/>
      <c r="EA83" s="60"/>
      <c r="EB83" s="60"/>
      <c r="EC83" s="60"/>
      <c r="ED83" s="68"/>
      <c r="EE83" s="383"/>
      <c r="EF83" s="383"/>
      <c r="EG83" s="383"/>
      <c r="EH83" s="383"/>
      <c r="EI83" s="69"/>
      <c r="EJ83" s="385"/>
      <c r="EK83" s="386" t="s">
        <v>64</v>
      </c>
      <c r="EL83" s="386"/>
      <c r="EM83" s="386"/>
      <c r="EN83" s="386"/>
      <c r="EO83" s="386"/>
      <c r="EP83" s="386"/>
      <c r="EQ83" s="386"/>
      <c r="ER83" s="386"/>
      <c r="ES83" s="386"/>
      <c r="ET83" s="386"/>
      <c r="EU83" s="386"/>
      <c r="EV83" s="386"/>
      <c r="EW83" s="386"/>
      <c r="EX83" s="386"/>
      <c r="EY83" s="386"/>
      <c r="EZ83" s="386"/>
      <c r="FA83" s="386"/>
      <c r="FB83" s="386"/>
      <c r="FC83" s="386"/>
      <c r="FD83" s="386"/>
      <c r="FE83" s="386"/>
      <c r="FF83" s="386"/>
      <c r="FG83" s="386"/>
      <c r="FH83" s="427"/>
      <c r="FI83" s="428"/>
      <c r="FJ83" s="429"/>
      <c r="FK83" s="429"/>
      <c r="FL83" s="429"/>
      <c r="FM83" s="429"/>
      <c r="FN83" s="429"/>
      <c r="FO83" s="429"/>
      <c r="FP83" s="429"/>
      <c r="FQ83" s="429"/>
      <c r="FR83" s="429"/>
      <c r="FS83" s="429"/>
      <c r="FT83" s="429"/>
      <c r="FU83" s="429"/>
      <c r="FV83" s="429"/>
      <c r="FW83" s="429"/>
      <c r="FX83" s="429"/>
      <c r="FY83" s="429"/>
      <c r="FZ83" s="429"/>
      <c r="GA83" s="429"/>
      <c r="GB83" s="429"/>
      <c r="GC83" s="429"/>
      <c r="GD83" s="429"/>
      <c r="GE83" s="429"/>
      <c r="GF83" s="429"/>
      <c r="GG83" s="429"/>
      <c r="GH83" s="429"/>
      <c r="GI83" s="429"/>
      <c r="GJ83" s="429"/>
      <c r="GK83" s="429"/>
      <c r="GL83" s="430"/>
      <c r="GM83" s="64"/>
      <c r="HC83" s="395"/>
      <c r="HD83" s="395"/>
      <c r="HE83" s="395"/>
      <c r="HF83" s="395"/>
      <c r="HG83" s="395"/>
      <c r="HH83" s="395"/>
      <c r="HI83" s="395"/>
      <c r="HJ83" s="395"/>
      <c r="HK83" s="395"/>
      <c r="HL83" s="395"/>
      <c r="HM83" s="395"/>
      <c r="HN83" s="395"/>
      <c r="HO83" s="395"/>
      <c r="HP83" s="395"/>
      <c r="HQ83" s="395"/>
    </row>
    <row r="84" spans="2:225" ht="6" customHeight="1">
      <c r="B84" s="330"/>
      <c r="C84" s="297"/>
      <c r="D84" s="297"/>
      <c r="E84" s="297"/>
      <c r="F84" s="297"/>
      <c r="G84" s="297"/>
      <c r="H84" s="297"/>
      <c r="I84" s="297"/>
      <c r="J84" s="297"/>
      <c r="K84" s="297"/>
      <c r="L84" s="297"/>
      <c r="M84" s="297"/>
      <c r="N84" s="297"/>
      <c r="O84" s="297"/>
      <c r="P84" s="297"/>
      <c r="Q84" s="297"/>
      <c r="R84" s="297"/>
      <c r="S84" s="297"/>
      <c r="T84" s="297"/>
      <c r="U84" s="297"/>
      <c r="V84" s="297"/>
      <c r="W84" s="297"/>
      <c r="X84" s="297"/>
      <c r="Y84" s="298"/>
      <c r="Z84" s="302"/>
      <c r="AA84" s="305"/>
      <c r="AB84" s="305"/>
      <c r="AC84" s="305"/>
      <c r="AD84" s="305"/>
      <c r="AE84" s="305"/>
      <c r="AF84" s="305"/>
      <c r="AG84" s="305"/>
      <c r="AH84" s="305"/>
      <c r="AI84" s="305"/>
      <c r="AJ84" s="305"/>
      <c r="AK84" s="305"/>
      <c r="AL84" s="305"/>
      <c r="AM84" s="305"/>
      <c r="AN84" s="305"/>
      <c r="AO84" s="305"/>
      <c r="AP84" s="305"/>
      <c r="AQ84" s="305"/>
      <c r="AR84" s="305"/>
      <c r="AS84" s="305"/>
      <c r="AT84" s="305"/>
      <c r="AU84" s="305"/>
      <c r="AV84" s="305"/>
      <c r="AW84" s="305"/>
      <c r="AX84" s="305"/>
      <c r="AY84" s="305"/>
      <c r="AZ84" s="305"/>
      <c r="BA84" s="305"/>
      <c r="BB84" s="305"/>
      <c r="BC84" s="305"/>
      <c r="BD84" s="305"/>
      <c r="BE84" s="305"/>
      <c r="BF84" s="305"/>
      <c r="BG84" s="305"/>
      <c r="BH84" s="305"/>
      <c r="BI84" s="305"/>
      <c r="BJ84" s="336"/>
      <c r="BK84" s="358"/>
      <c r="BL84" s="305"/>
      <c r="BM84" s="305"/>
      <c r="BN84" s="305"/>
      <c r="BO84" s="305"/>
      <c r="BP84" s="305"/>
      <c r="BQ84" s="305"/>
      <c r="BR84" s="305"/>
      <c r="BS84" s="305"/>
      <c r="BT84" s="305"/>
      <c r="BU84" s="305"/>
      <c r="BV84" s="305"/>
      <c r="BW84" s="305"/>
      <c r="BX84" s="305"/>
      <c r="BY84" s="305"/>
      <c r="BZ84" s="305"/>
      <c r="CA84" s="305"/>
      <c r="CB84" s="305"/>
      <c r="CC84" s="305"/>
      <c r="CD84" s="305"/>
      <c r="CE84" s="305"/>
      <c r="CF84" s="305"/>
      <c r="CG84" s="305"/>
      <c r="CH84" s="305"/>
      <c r="CI84" s="359"/>
      <c r="CJ84" s="361"/>
      <c r="CK84" s="340"/>
      <c r="CL84" s="340"/>
      <c r="CM84" s="340"/>
      <c r="CN84" s="340"/>
      <c r="CO84" s="340"/>
      <c r="CP84" s="340"/>
      <c r="CQ84" s="340"/>
      <c r="CR84" s="347"/>
      <c r="CS84" s="350"/>
      <c r="CT84" s="340"/>
      <c r="CU84" s="340"/>
      <c r="CV84" s="340"/>
      <c r="CW84" s="340"/>
      <c r="CX84" s="340"/>
      <c r="CY84" s="340"/>
      <c r="CZ84" s="340"/>
      <c r="DA84" s="353"/>
      <c r="DB84" s="356"/>
      <c r="DC84" s="340"/>
      <c r="DD84" s="340"/>
      <c r="DE84" s="340"/>
      <c r="DF84" s="340"/>
      <c r="DG84" s="340"/>
      <c r="DH84" s="340"/>
      <c r="DI84" s="340"/>
      <c r="DJ84" s="341"/>
      <c r="DK84" s="407"/>
      <c r="DL84" s="305"/>
      <c r="DM84" s="305"/>
      <c r="DN84" s="305"/>
      <c r="DO84" s="305"/>
      <c r="DP84" s="305"/>
      <c r="DQ84" s="305"/>
      <c r="DR84" s="305"/>
      <c r="DS84" s="305"/>
      <c r="DT84" s="305"/>
      <c r="DU84" s="305"/>
      <c r="DV84" s="305"/>
      <c r="DW84" s="305"/>
      <c r="DX84" s="305"/>
      <c r="DY84" s="305"/>
      <c r="DZ84" s="380"/>
      <c r="EA84" s="60"/>
      <c r="EB84" s="60"/>
      <c r="EC84" s="60"/>
      <c r="ED84" s="68"/>
      <c r="EE84" s="383"/>
      <c r="EF84" s="383"/>
      <c r="EG84" s="383"/>
      <c r="EH84" s="383"/>
      <c r="EI84" s="69"/>
      <c r="EJ84" s="385"/>
      <c r="EK84" s="386"/>
      <c r="EL84" s="386"/>
      <c r="EM84" s="386"/>
      <c r="EN84" s="386"/>
      <c r="EO84" s="386"/>
      <c r="EP84" s="386"/>
      <c r="EQ84" s="386"/>
      <c r="ER84" s="386"/>
      <c r="ES84" s="386"/>
      <c r="ET84" s="386"/>
      <c r="EU84" s="386"/>
      <c r="EV84" s="386"/>
      <c r="EW84" s="386"/>
      <c r="EX84" s="386"/>
      <c r="EY84" s="386"/>
      <c r="EZ84" s="386"/>
      <c r="FA84" s="386"/>
      <c r="FB84" s="386"/>
      <c r="FC84" s="386"/>
      <c r="FD84" s="386"/>
      <c r="FE84" s="386"/>
      <c r="FF84" s="386"/>
      <c r="FG84" s="386"/>
      <c r="FH84" s="427"/>
      <c r="FI84" s="431"/>
      <c r="FJ84" s="393"/>
      <c r="FK84" s="393"/>
      <c r="FL84" s="393"/>
      <c r="FM84" s="393"/>
      <c r="FN84" s="393"/>
      <c r="FO84" s="393"/>
      <c r="FP84" s="393"/>
      <c r="FQ84" s="393"/>
      <c r="FR84" s="393"/>
      <c r="FS84" s="393"/>
      <c r="FT84" s="393"/>
      <c r="FU84" s="393"/>
      <c r="FV84" s="393"/>
      <c r="FW84" s="393"/>
      <c r="FX84" s="393"/>
      <c r="FY84" s="393"/>
      <c r="FZ84" s="393"/>
      <c r="GA84" s="393"/>
      <c r="GB84" s="393"/>
      <c r="GC84" s="393"/>
      <c r="GD84" s="393"/>
      <c r="GE84" s="393"/>
      <c r="GF84" s="393"/>
      <c r="GG84" s="393"/>
      <c r="GH84" s="393"/>
      <c r="GI84" s="393"/>
      <c r="GJ84" s="393"/>
      <c r="GK84" s="393"/>
      <c r="GL84" s="432"/>
      <c r="GM84" s="64"/>
      <c r="HC84" s="395"/>
      <c r="HD84" s="395"/>
      <c r="HE84" s="395"/>
      <c r="HF84" s="395"/>
      <c r="HG84" s="395"/>
      <c r="HH84" s="395"/>
      <c r="HI84" s="395"/>
      <c r="HJ84" s="395"/>
      <c r="HK84" s="395"/>
      <c r="HL84" s="395"/>
      <c r="HM84" s="395"/>
      <c r="HN84" s="395"/>
      <c r="HO84" s="395"/>
      <c r="HP84" s="395"/>
      <c r="HQ84" s="395"/>
    </row>
    <row r="85" spans="2:225" ht="6" customHeight="1">
      <c r="B85" s="396"/>
      <c r="C85" s="397"/>
      <c r="D85" s="397"/>
      <c r="E85" s="397"/>
      <c r="F85" s="397"/>
      <c r="G85" s="397"/>
      <c r="H85" s="397"/>
      <c r="I85" s="397"/>
      <c r="J85" s="397"/>
      <c r="K85" s="397"/>
      <c r="L85" s="397"/>
      <c r="M85" s="397"/>
      <c r="N85" s="397"/>
      <c r="O85" s="397"/>
      <c r="P85" s="397"/>
      <c r="Q85" s="397"/>
      <c r="R85" s="397"/>
      <c r="S85" s="397"/>
      <c r="T85" s="397"/>
      <c r="U85" s="397"/>
      <c r="V85" s="397"/>
      <c r="W85" s="397"/>
      <c r="X85" s="397"/>
      <c r="Y85" s="398"/>
      <c r="Z85" s="302"/>
      <c r="AA85" s="399"/>
      <c r="AB85" s="399"/>
      <c r="AC85" s="399"/>
      <c r="AD85" s="399"/>
      <c r="AE85" s="399"/>
      <c r="AF85" s="399"/>
      <c r="AG85" s="399"/>
      <c r="AH85" s="399"/>
      <c r="AI85" s="399"/>
      <c r="AJ85" s="399"/>
      <c r="AK85" s="399"/>
      <c r="AL85" s="399"/>
      <c r="AM85" s="399"/>
      <c r="AN85" s="399"/>
      <c r="AO85" s="399"/>
      <c r="AP85" s="399"/>
      <c r="AQ85" s="399"/>
      <c r="AR85" s="399"/>
      <c r="AS85" s="399"/>
      <c r="AT85" s="399"/>
      <c r="AU85" s="399"/>
      <c r="AV85" s="399"/>
      <c r="AW85" s="399"/>
      <c r="AX85" s="399"/>
      <c r="AY85" s="399"/>
      <c r="AZ85" s="399"/>
      <c r="BA85" s="399"/>
      <c r="BB85" s="399"/>
      <c r="BC85" s="399"/>
      <c r="BD85" s="399"/>
      <c r="BE85" s="399"/>
      <c r="BF85" s="399"/>
      <c r="BG85" s="399"/>
      <c r="BH85" s="399"/>
      <c r="BI85" s="399"/>
      <c r="BJ85" s="336"/>
      <c r="BK85" s="358"/>
      <c r="BL85" s="405"/>
      <c r="BM85" s="405"/>
      <c r="BN85" s="405"/>
      <c r="BO85" s="405"/>
      <c r="BP85" s="405"/>
      <c r="BQ85" s="405"/>
      <c r="BR85" s="405"/>
      <c r="BS85" s="405"/>
      <c r="BT85" s="405"/>
      <c r="BU85" s="405"/>
      <c r="BV85" s="405"/>
      <c r="BW85" s="405"/>
      <c r="BX85" s="405"/>
      <c r="BY85" s="405"/>
      <c r="BZ85" s="405"/>
      <c r="CA85" s="405"/>
      <c r="CB85" s="405"/>
      <c r="CC85" s="405"/>
      <c r="CD85" s="405"/>
      <c r="CE85" s="405"/>
      <c r="CF85" s="405"/>
      <c r="CG85" s="405"/>
      <c r="CH85" s="405"/>
      <c r="CI85" s="359"/>
      <c r="CJ85" s="362"/>
      <c r="CK85" s="342"/>
      <c r="CL85" s="342"/>
      <c r="CM85" s="342"/>
      <c r="CN85" s="342"/>
      <c r="CO85" s="342"/>
      <c r="CP85" s="342"/>
      <c r="CQ85" s="342"/>
      <c r="CR85" s="348"/>
      <c r="CS85" s="351"/>
      <c r="CT85" s="342"/>
      <c r="CU85" s="342"/>
      <c r="CV85" s="342"/>
      <c r="CW85" s="342"/>
      <c r="CX85" s="342"/>
      <c r="CY85" s="342"/>
      <c r="CZ85" s="342"/>
      <c r="DA85" s="354"/>
      <c r="DB85" s="357"/>
      <c r="DC85" s="342"/>
      <c r="DD85" s="342"/>
      <c r="DE85" s="342"/>
      <c r="DF85" s="342"/>
      <c r="DG85" s="342"/>
      <c r="DH85" s="342"/>
      <c r="DI85" s="342"/>
      <c r="DJ85" s="343"/>
      <c r="DK85" s="345"/>
      <c r="DL85" s="304"/>
      <c r="DM85" s="304"/>
      <c r="DN85" s="304"/>
      <c r="DO85" s="304"/>
      <c r="DP85" s="304"/>
      <c r="DQ85" s="304"/>
      <c r="DR85" s="304"/>
      <c r="DS85" s="304"/>
      <c r="DT85" s="304"/>
      <c r="DU85" s="304"/>
      <c r="DV85" s="304"/>
      <c r="DW85" s="304"/>
      <c r="DX85" s="304"/>
      <c r="DY85" s="304"/>
      <c r="DZ85" s="376"/>
      <c r="EA85" s="60"/>
      <c r="EB85" s="60"/>
      <c r="EC85" s="60"/>
      <c r="ED85" s="68"/>
      <c r="EE85" s="383"/>
      <c r="EF85" s="383"/>
      <c r="EG85" s="383"/>
      <c r="EH85" s="383"/>
      <c r="EI85" s="69"/>
      <c r="EJ85" s="385"/>
      <c r="EK85" s="386"/>
      <c r="EL85" s="386"/>
      <c r="EM85" s="386"/>
      <c r="EN85" s="386"/>
      <c r="EO85" s="386"/>
      <c r="EP85" s="386"/>
      <c r="EQ85" s="386"/>
      <c r="ER85" s="386"/>
      <c r="ES85" s="386"/>
      <c r="ET85" s="386"/>
      <c r="EU85" s="386"/>
      <c r="EV85" s="386"/>
      <c r="EW85" s="386"/>
      <c r="EX85" s="386"/>
      <c r="EY85" s="386"/>
      <c r="EZ85" s="386"/>
      <c r="FA85" s="386"/>
      <c r="FB85" s="386"/>
      <c r="FC85" s="386"/>
      <c r="FD85" s="386"/>
      <c r="FE85" s="386"/>
      <c r="FF85" s="386"/>
      <c r="FG85" s="386"/>
      <c r="FH85" s="427"/>
      <c r="FI85" s="431"/>
      <c r="FJ85" s="393"/>
      <c r="FK85" s="393"/>
      <c r="FL85" s="393"/>
      <c r="FM85" s="393"/>
      <c r="FN85" s="393"/>
      <c r="FO85" s="393"/>
      <c r="FP85" s="393"/>
      <c r="FQ85" s="393"/>
      <c r="FR85" s="393"/>
      <c r="FS85" s="393"/>
      <c r="FT85" s="393"/>
      <c r="FU85" s="393"/>
      <c r="FV85" s="393"/>
      <c r="FW85" s="393"/>
      <c r="FX85" s="393"/>
      <c r="FY85" s="393"/>
      <c r="FZ85" s="393"/>
      <c r="GA85" s="393"/>
      <c r="GB85" s="393"/>
      <c r="GC85" s="393"/>
      <c r="GD85" s="393"/>
      <c r="GE85" s="393"/>
      <c r="GF85" s="393"/>
      <c r="GG85" s="393"/>
      <c r="GH85" s="393"/>
      <c r="GI85" s="393"/>
      <c r="GJ85" s="393"/>
      <c r="GK85" s="393"/>
      <c r="GL85" s="432"/>
      <c r="GM85" s="64"/>
      <c r="HC85" s="395"/>
      <c r="HD85" s="395"/>
      <c r="HE85" s="395"/>
      <c r="HF85" s="395"/>
      <c r="HG85" s="395"/>
      <c r="HH85" s="395"/>
      <c r="HI85" s="395"/>
      <c r="HJ85" s="395"/>
      <c r="HK85" s="395"/>
      <c r="HL85" s="395"/>
      <c r="HM85" s="395"/>
      <c r="HN85" s="395"/>
      <c r="HO85" s="395"/>
      <c r="HP85" s="395"/>
      <c r="HQ85" s="395"/>
    </row>
    <row r="86" spans="2:225" ht="6" customHeight="1" thickBot="1">
      <c r="B86" s="11"/>
      <c r="C86" s="11"/>
      <c r="D86" s="11"/>
      <c r="E86" s="11"/>
      <c r="F86" s="11"/>
      <c r="G86" s="11"/>
      <c r="H86" s="11"/>
      <c r="I86" s="11"/>
      <c r="J86" s="11"/>
      <c r="K86" s="11"/>
      <c r="L86" s="11"/>
      <c r="M86" s="11"/>
      <c r="N86" s="11"/>
      <c r="O86" s="11"/>
      <c r="P86" s="11"/>
      <c r="Q86" s="11"/>
      <c r="R86" s="11"/>
      <c r="S86" s="11"/>
      <c r="T86" s="11"/>
      <c r="U86" s="11"/>
      <c r="V86" s="11"/>
      <c r="W86" s="11"/>
      <c r="X86" s="11"/>
      <c r="Y86" s="11"/>
      <c r="Z86" s="11"/>
      <c r="AA86" s="11"/>
      <c r="AB86" s="11"/>
      <c r="AC86" s="11"/>
      <c r="AD86" s="11"/>
      <c r="AE86" s="11"/>
      <c r="AF86" s="11"/>
      <c r="AG86" s="11"/>
      <c r="AH86" s="11"/>
      <c r="AI86" s="11"/>
      <c r="AJ86" s="11"/>
      <c r="AK86" s="11"/>
      <c r="AL86" s="11"/>
      <c r="AM86" s="11"/>
      <c r="AN86" s="11"/>
      <c r="AO86" s="11"/>
      <c r="AP86" s="11"/>
      <c r="AQ86" s="11"/>
      <c r="AR86" s="11"/>
      <c r="AS86" s="11"/>
      <c r="AT86" s="11"/>
      <c r="AU86" s="11"/>
      <c r="AV86" s="11"/>
      <c r="AW86" s="11"/>
      <c r="AX86" s="11"/>
      <c r="AY86" s="11"/>
      <c r="AZ86" s="11"/>
      <c r="BA86" s="11"/>
      <c r="BB86" s="11"/>
      <c r="BC86" s="11"/>
      <c r="BD86" s="11"/>
      <c r="BE86" s="11"/>
      <c r="BF86" s="11"/>
      <c r="BG86" s="11"/>
      <c r="BH86" s="11"/>
      <c r="BI86" s="11"/>
      <c r="BJ86" s="70"/>
      <c r="BK86" s="436" t="s">
        <v>61</v>
      </c>
      <c r="BL86" s="436"/>
      <c r="BM86" s="436"/>
      <c r="BN86" s="436"/>
      <c r="BO86" s="436"/>
      <c r="BP86" s="436"/>
      <c r="BQ86" s="436"/>
      <c r="BR86" s="436"/>
      <c r="BS86" s="436"/>
      <c r="BT86" s="436"/>
      <c r="BU86" s="436"/>
      <c r="BV86" s="436"/>
      <c r="BW86" s="436"/>
      <c r="BX86" s="436"/>
      <c r="BY86" s="436"/>
      <c r="BZ86" s="436"/>
      <c r="CA86" s="436"/>
      <c r="CB86" s="436"/>
      <c r="CC86" s="436"/>
      <c r="CD86" s="436"/>
      <c r="CE86" s="436"/>
      <c r="CF86" s="436"/>
      <c r="CG86" s="436"/>
      <c r="CH86" s="436"/>
      <c r="CI86" s="437"/>
      <c r="CJ86" s="440"/>
      <c r="CK86" s="441"/>
      <c r="CL86" s="441"/>
      <c r="CM86" s="441"/>
      <c r="CN86" s="441"/>
      <c r="CO86" s="441"/>
      <c r="CP86" s="441"/>
      <c r="CQ86" s="441"/>
      <c r="CR86" s="442"/>
      <c r="CS86" s="443"/>
      <c r="CT86" s="441"/>
      <c r="CU86" s="441"/>
      <c r="CV86" s="441"/>
      <c r="CW86" s="441"/>
      <c r="CX86" s="441"/>
      <c r="CY86" s="441"/>
      <c r="CZ86" s="441"/>
      <c r="DA86" s="444"/>
      <c r="DB86" s="445"/>
      <c r="DC86" s="441"/>
      <c r="DD86" s="441"/>
      <c r="DE86" s="441"/>
      <c r="DF86" s="441"/>
      <c r="DG86" s="441"/>
      <c r="DH86" s="441"/>
      <c r="DI86" s="441"/>
      <c r="DJ86" s="457"/>
      <c r="DK86" s="344"/>
      <c r="DL86" s="374"/>
      <c r="DM86" s="374"/>
      <c r="DN86" s="374"/>
      <c r="DO86" s="374"/>
      <c r="DP86" s="374"/>
      <c r="DQ86" s="374"/>
      <c r="DR86" s="374"/>
      <c r="DS86" s="374"/>
      <c r="DT86" s="374"/>
      <c r="DU86" s="374"/>
      <c r="DV86" s="374"/>
      <c r="DW86" s="374"/>
      <c r="DX86" s="374"/>
      <c r="DY86" s="374"/>
      <c r="DZ86" s="458"/>
      <c r="EA86" s="60"/>
      <c r="EB86" s="60"/>
      <c r="EC86" s="60"/>
      <c r="ED86" s="71"/>
      <c r="EE86" s="384"/>
      <c r="EF86" s="384"/>
      <c r="EG86" s="384"/>
      <c r="EH86" s="384"/>
      <c r="EI86" s="72"/>
      <c r="EJ86" s="385"/>
      <c r="EK86" s="386"/>
      <c r="EL86" s="386"/>
      <c r="EM86" s="386"/>
      <c r="EN86" s="386"/>
      <c r="EO86" s="386"/>
      <c r="EP86" s="386"/>
      <c r="EQ86" s="386"/>
      <c r="ER86" s="386"/>
      <c r="ES86" s="386"/>
      <c r="ET86" s="386"/>
      <c r="EU86" s="386"/>
      <c r="EV86" s="386"/>
      <c r="EW86" s="386"/>
      <c r="EX86" s="386"/>
      <c r="EY86" s="386"/>
      <c r="EZ86" s="386"/>
      <c r="FA86" s="386"/>
      <c r="FB86" s="386"/>
      <c r="FC86" s="386"/>
      <c r="FD86" s="386"/>
      <c r="FE86" s="386"/>
      <c r="FF86" s="386"/>
      <c r="FG86" s="386"/>
      <c r="FH86" s="427"/>
      <c r="FI86" s="433"/>
      <c r="FJ86" s="434"/>
      <c r="FK86" s="434"/>
      <c r="FL86" s="434"/>
      <c r="FM86" s="434"/>
      <c r="FN86" s="434"/>
      <c r="FO86" s="434"/>
      <c r="FP86" s="434"/>
      <c r="FQ86" s="434"/>
      <c r="FR86" s="434"/>
      <c r="FS86" s="434"/>
      <c r="FT86" s="434"/>
      <c r="FU86" s="434"/>
      <c r="FV86" s="434"/>
      <c r="FW86" s="434"/>
      <c r="FX86" s="434"/>
      <c r="FY86" s="434"/>
      <c r="FZ86" s="434"/>
      <c r="GA86" s="434"/>
      <c r="GB86" s="434"/>
      <c r="GC86" s="434"/>
      <c r="GD86" s="434"/>
      <c r="GE86" s="434"/>
      <c r="GF86" s="434"/>
      <c r="GG86" s="434"/>
      <c r="GH86" s="434"/>
      <c r="GI86" s="434"/>
      <c r="GJ86" s="434"/>
      <c r="GK86" s="434"/>
      <c r="GL86" s="435"/>
      <c r="GM86" s="64"/>
      <c r="HC86" s="395"/>
      <c r="HD86" s="395"/>
      <c r="HE86" s="395"/>
      <c r="HF86" s="395"/>
      <c r="HG86" s="395"/>
      <c r="HH86" s="395"/>
      <c r="HI86" s="395"/>
      <c r="HJ86" s="395"/>
      <c r="HK86" s="395"/>
      <c r="HL86" s="395"/>
      <c r="HM86" s="395"/>
      <c r="HN86" s="395"/>
      <c r="HO86" s="395"/>
      <c r="HP86" s="395"/>
      <c r="HQ86" s="395"/>
    </row>
    <row r="87" spans="2:225" ht="6" customHeight="1">
      <c r="BJ87" s="73"/>
      <c r="BK87" s="438"/>
      <c r="BL87" s="438"/>
      <c r="BM87" s="438"/>
      <c r="BN87" s="438"/>
      <c r="BO87" s="438"/>
      <c r="BP87" s="438"/>
      <c r="BQ87" s="438"/>
      <c r="BR87" s="438"/>
      <c r="BS87" s="438"/>
      <c r="BT87" s="438"/>
      <c r="BU87" s="438"/>
      <c r="BV87" s="438"/>
      <c r="BW87" s="438"/>
      <c r="BX87" s="438"/>
      <c r="BY87" s="438"/>
      <c r="BZ87" s="438"/>
      <c r="CA87" s="438"/>
      <c r="CB87" s="438"/>
      <c r="CC87" s="438"/>
      <c r="CD87" s="438"/>
      <c r="CE87" s="438"/>
      <c r="CF87" s="438"/>
      <c r="CG87" s="438"/>
      <c r="CH87" s="438"/>
      <c r="CI87" s="439"/>
      <c r="CJ87" s="361"/>
      <c r="CK87" s="340"/>
      <c r="CL87" s="340"/>
      <c r="CM87" s="340"/>
      <c r="CN87" s="340"/>
      <c r="CO87" s="340"/>
      <c r="CP87" s="340"/>
      <c r="CQ87" s="340"/>
      <c r="CR87" s="347"/>
      <c r="CS87" s="350"/>
      <c r="CT87" s="340"/>
      <c r="CU87" s="340"/>
      <c r="CV87" s="340"/>
      <c r="CW87" s="340"/>
      <c r="CX87" s="340"/>
      <c r="CY87" s="340"/>
      <c r="CZ87" s="340"/>
      <c r="DA87" s="353"/>
      <c r="DB87" s="356"/>
      <c r="DC87" s="340"/>
      <c r="DD87" s="340"/>
      <c r="DE87" s="340"/>
      <c r="DF87" s="340"/>
      <c r="DG87" s="340"/>
      <c r="DH87" s="340"/>
      <c r="DI87" s="340"/>
      <c r="DJ87" s="341"/>
      <c r="DK87" s="345"/>
      <c r="DL87" s="304"/>
      <c r="DM87" s="304"/>
      <c r="DN87" s="304"/>
      <c r="DO87" s="304"/>
      <c r="DP87" s="304"/>
      <c r="DQ87" s="304"/>
      <c r="DR87" s="304"/>
      <c r="DS87" s="304"/>
      <c r="DT87" s="304"/>
      <c r="DU87" s="304"/>
      <c r="DV87" s="304"/>
      <c r="DW87" s="304"/>
      <c r="DX87" s="304"/>
      <c r="DY87" s="304"/>
      <c r="DZ87" s="459"/>
    </row>
    <row r="88" spans="2:225" ht="6" customHeight="1">
      <c r="B88" s="418" t="s">
        <v>65</v>
      </c>
      <c r="C88" s="419"/>
      <c r="D88" s="419"/>
      <c r="E88" s="419"/>
      <c r="F88" s="419"/>
      <c r="G88" s="419"/>
      <c r="H88" s="419"/>
      <c r="I88" s="419"/>
      <c r="J88" s="419"/>
      <c r="K88" s="419"/>
      <c r="L88" s="419"/>
      <c r="M88" s="419"/>
      <c r="N88" s="419"/>
      <c r="O88" s="419"/>
      <c r="P88" s="419"/>
      <c r="Q88" s="419"/>
      <c r="R88" s="419"/>
      <c r="S88" s="419"/>
      <c r="T88" s="419"/>
      <c r="U88" s="419"/>
      <c r="V88" s="419"/>
      <c r="W88" s="419"/>
      <c r="X88" s="419"/>
      <c r="Y88" s="420"/>
      <c r="Z88" s="74"/>
      <c r="AA88" s="74"/>
      <c r="AB88" s="74"/>
      <c r="AC88" s="74"/>
      <c r="AD88" s="74"/>
      <c r="AE88" s="74"/>
      <c r="AF88" s="74"/>
      <c r="AG88" s="74"/>
      <c r="AH88" s="74"/>
      <c r="AI88" s="74"/>
      <c r="AJ88" s="74"/>
      <c r="AK88" s="74"/>
      <c r="AL88" s="74"/>
      <c r="AM88" s="74"/>
      <c r="AN88" s="74"/>
      <c r="AO88" s="74"/>
      <c r="AP88" s="74"/>
      <c r="AQ88" s="74"/>
      <c r="AR88" s="74"/>
      <c r="AS88" s="74"/>
      <c r="AT88" s="74"/>
      <c r="AU88" s="74"/>
      <c r="AV88" s="74"/>
      <c r="AW88" s="74"/>
      <c r="AX88" s="74"/>
      <c r="AY88" s="74"/>
      <c r="AZ88" s="74"/>
      <c r="BA88" s="74"/>
      <c r="BB88" s="74"/>
      <c r="BC88" s="74"/>
      <c r="BD88" s="74"/>
      <c r="BE88" s="74"/>
      <c r="BF88" s="74"/>
      <c r="BG88" s="75"/>
      <c r="BH88" s="76"/>
      <c r="BI88" s="76"/>
      <c r="BJ88" s="73"/>
      <c r="BK88" s="438"/>
      <c r="BL88" s="438"/>
      <c r="BM88" s="438"/>
      <c r="BN88" s="438"/>
      <c r="BO88" s="438"/>
      <c r="BP88" s="438"/>
      <c r="BQ88" s="438"/>
      <c r="BR88" s="438"/>
      <c r="BS88" s="438"/>
      <c r="BT88" s="438"/>
      <c r="BU88" s="438"/>
      <c r="BV88" s="438"/>
      <c r="BW88" s="438"/>
      <c r="BX88" s="438"/>
      <c r="BY88" s="438"/>
      <c r="BZ88" s="438"/>
      <c r="CA88" s="438"/>
      <c r="CB88" s="438"/>
      <c r="CC88" s="438"/>
      <c r="CD88" s="438"/>
      <c r="CE88" s="438"/>
      <c r="CF88" s="438"/>
      <c r="CG88" s="438"/>
      <c r="CH88" s="438"/>
      <c r="CI88" s="439"/>
      <c r="CJ88" s="361"/>
      <c r="CK88" s="340"/>
      <c r="CL88" s="340"/>
      <c r="CM88" s="340"/>
      <c r="CN88" s="340"/>
      <c r="CO88" s="340"/>
      <c r="CP88" s="340"/>
      <c r="CQ88" s="340"/>
      <c r="CR88" s="347"/>
      <c r="CS88" s="350"/>
      <c r="CT88" s="340"/>
      <c r="CU88" s="340"/>
      <c r="CV88" s="340"/>
      <c r="CW88" s="340"/>
      <c r="CX88" s="340"/>
      <c r="CY88" s="340"/>
      <c r="CZ88" s="340"/>
      <c r="DA88" s="353"/>
      <c r="DB88" s="356"/>
      <c r="DC88" s="340"/>
      <c r="DD88" s="340"/>
      <c r="DE88" s="340"/>
      <c r="DF88" s="340"/>
      <c r="DG88" s="340"/>
      <c r="DH88" s="340"/>
      <c r="DI88" s="340"/>
      <c r="DJ88" s="341"/>
      <c r="DK88" s="345"/>
      <c r="DL88" s="304"/>
      <c r="DM88" s="304"/>
      <c r="DN88" s="304"/>
      <c r="DO88" s="304"/>
      <c r="DP88" s="304"/>
      <c r="DQ88" s="304"/>
      <c r="DR88" s="304"/>
      <c r="DS88" s="304"/>
      <c r="DT88" s="304"/>
      <c r="DU88" s="304"/>
      <c r="DV88" s="304"/>
      <c r="DW88" s="304"/>
      <c r="DX88" s="304"/>
      <c r="DY88" s="304"/>
      <c r="DZ88" s="459"/>
      <c r="ED88" s="482" t="s">
        <v>66</v>
      </c>
      <c r="EE88" s="483"/>
      <c r="EF88" s="483"/>
      <c r="EG88" s="483"/>
      <c r="EH88" s="483"/>
      <c r="EI88" s="484"/>
      <c r="EJ88" s="377" t="s">
        <v>67</v>
      </c>
      <c r="EK88" s="377"/>
      <c r="EL88" s="377"/>
      <c r="EM88" s="377"/>
      <c r="EN88" s="377"/>
      <c r="EO88" s="377"/>
      <c r="EP88" s="377"/>
      <c r="EQ88" s="377"/>
      <c r="ER88" s="377"/>
      <c r="ES88" s="377"/>
      <c r="ET88" s="377"/>
      <c r="EU88" s="377"/>
      <c r="EV88" s="377"/>
      <c r="EW88" s="377"/>
      <c r="EX88" s="377"/>
      <c r="EY88" s="377"/>
      <c r="EZ88" s="377"/>
      <c r="FA88" s="377"/>
      <c r="FB88" s="377"/>
      <c r="FC88" s="377"/>
      <c r="FD88" s="377"/>
      <c r="FE88" s="377"/>
      <c r="FF88" s="377"/>
      <c r="FG88" s="377"/>
      <c r="FH88" s="377"/>
      <c r="FI88" s="377"/>
      <c r="FJ88" s="377"/>
      <c r="FK88" s="377"/>
      <c r="FL88" s="377" t="s">
        <v>68</v>
      </c>
      <c r="FM88" s="377"/>
      <c r="FN88" s="377"/>
      <c r="FO88" s="377"/>
      <c r="FP88" s="377"/>
      <c r="FQ88" s="377"/>
      <c r="FR88" s="377"/>
      <c r="FS88" s="377"/>
      <c r="FT88" s="377"/>
      <c r="FU88" s="377"/>
      <c r="FV88" s="377"/>
      <c r="FW88" s="377"/>
      <c r="FX88" s="377"/>
      <c r="FY88" s="377"/>
      <c r="FZ88" s="377"/>
      <c r="GA88" s="377"/>
      <c r="GB88" s="377"/>
      <c r="GC88" s="377"/>
      <c r="GD88" s="377"/>
      <c r="GE88" s="377"/>
      <c r="GF88" s="377"/>
      <c r="GG88" s="377"/>
      <c r="GH88" s="377"/>
      <c r="GI88" s="377"/>
      <c r="GJ88" s="377"/>
      <c r="GK88" s="377"/>
      <c r="GL88" s="377"/>
      <c r="GM88" s="377"/>
      <c r="GN88" s="377"/>
      <c r="GO88" s="377"/>
      <c r="GP88" s="377"/>
      <c r="GQ88" s="377"/>
      <c r="GR88" s="377"/>
      <c r="GS88" s="377"/>
      <c r="GT88" s="377"/>
      <c r="GU88" s="377"/>
      <c r="GV88" s="377"/>
      <c r="GW88" s="377"/>
      <c r="GX88" s="377"/>
      <c r="GY88" s="377"/>
      <c r="GZ88" s="377"/>
      <c r="HA88" s="377"/>
      <c r="HB88" s="377"/>
      <c r="HC88" s="377" t="s">
        <v>69</v>
      </c>
      <c r="HD88" s="377"/>
      <c r="HE88" s="377"/>
      <c r="HF88" s="377"/>
      <c r="HG88" s="377"/>
      <c r="HH88" s="377"/>
      <c r="HI88" s="377"/>
      <c r="HJ88" s="377"/>
      <c r="HK88" s="377"/>
      <c r="HL88" s="377"/>
      <c r="HM88" s="377"/>
      <c r="HN88" s="377"/>
      <c r="HO88" s="377"/>
      <c r="HP88" s="377"/>
      <c r="HQ88" s="377"/>
    </row>
    <row r="89" spans="2:225" ht="6" customHeight="1">
      <c r="B89" s="421"/>
      <c r="C89" s="422"/>
      <c r="D89" s="422"/>
      <c r="E89" s="422"/>
      <c r="F89" s="422"/>
      <c r="G89" s="422"/>
      <c r="H89" s="422"/>
      <c r="I89" s="422"/>
      <c r="J89" s="422"/>
      <c r="K89" s="422"/>
      <c r="L89" s="422"/>
      <c r="M89" s="422"/>
      <c r="N89" s="422"/>
      <c r="O89" s="422"/>
      <c r="P89" s="422"/>
      <c r="Q89" s="422"/>
      <c r="R89" s="422"/>
      <c r="S89" s="422"/>
      <c r="T89" s="422"/>
      <c r="U89" s="422"/>
      <c r="V89" s="422"/>
      <c r="W89" s="422"/>
      <c r="X89" s="422"/>
      <c r="Y89" s="423"/>
      <c r="Z89" s="76"/>
      <c r="AA89" s="76"/>
      <c r="AB89" s="76"/>
      <c r="AC89" s="76"/>
      <c r="AD89" s="76"/>
      <c r="AE89" s="76"/>
      <c r="AF89" s="76"/>
      <c r="AG89" s="76"/>
      <c r="AH89" s="76"/>
      <c r="AI89" s="76"/>
      <c r="AJ89" s="76"/>
      <c r="AK89" s="76"/>
      <c r="AL89" s="76"/>
      <c r="AM89" s="76"/>
      <c r="AN89" s="76"/>
      <c r="AO89" s="76"/>
      <c r="AP89" s="76"/>
      <c r="AQ89" s="76"/>
      <c r="AR89" s="76"/>
      <c r="AS89" s="76"/>
      <c r="AT89" s="76"/>
      <c r="AU89" s="76"/>
      <c r="AV89" s="76"/>
      <c r="AW89" s="76"/>
      <c r="AX89" s="76"/>
      <c r="AY89" s="76"/>
      <c r="AZ89" s="76"/>
      <c r="BA89" s="76"/>
      <c r="BB89" s="76"/>
      <c r="BC89" s="76"/>
      <c r="BD89" s="76"/>
      <c r="BE89" s="76"/>
      <c r="BF89" s="76"/>
      <c r="BG89" s="77"/>
      <c r="BH89" s="76"/>
      <c r="BI89" s="76"/>
      <c r="BJ89" s="73"/>
      <c r="BK89" s="438"/>
      <c r="BL89" s="438"/>
      <c r="BM89" s="438"/>
      <c r="BN89" s="438"/>
      <c r="BO89" s="438"/>
      <c r="BP89" s="438"/>
      <c r="BQ89" s="438"/>
      <c r="BR89" s="438"/>
      <c r="BS89" s="438"/>
      <c r="BT89" s="438"/>
      <c r="BU89" s="438"/>
      <c r="BV89" s="438"/>
      <c r="BW89" s="438"/>
      <c r="BX89" s="438"/>
      <c r="BY89" s="438"/>
      <c r="BZ89" s="438"/>
      <c r="CA89" s="438"/>
      <c r="CB89" s="438"/>
      <c r="CC89" s="438"/>
      <c r="CD89" s="438"/>
      <c r="CE89" s="438"/>
      <c r="CF89" s="438"/>
      <c r="CG89" s="438"/>
      <c r="CH89" s="438"/>
      <c r="CI89" s="439"/>
      <c r="CJ89" s="362"/>
      <c r="CK89" s="342"/>
      <c r="CL89" s="342"/>
      <c r="CM89" s="342"/>
      <c r="CN89" s="342"/>
      <c r="CO89" s="342"/>
      <c r="CP89" s="342"/>
      <c r="CQ89" s="342"/>
      <c r="CR89" s="348"/>
      <c r="CS89" s="351"/>
      <c r="CT89" s="342"/>
      <c r="CU89" s="342"/>
      <c r="CV89" s="342"/>
      <c r="CW89" s="342"/>
      <c r="CX89" s="342"/>
      <c r="CY89" s="342"/>
      <c r="CZ89" s="342"/>
      <c r="DA89" s="354"/>
      <c r="DB89" s="357"/>
      <c r="DC89" s="342"/>
      <c r="DD89" s="342"/>
      <c r="DE89" s="342"/>
      <c r="DF89" s="342"/>
      <c r="DG89" s="342"/>
      <c r="DH89" s="342"/>
      <c r="DI89" s="342"/>
      <c r="DJ89" s="343"/>
      <c r="DK89" s="345"/>
      <c r="DL89" s="304"/>
      <c r="DM89" s="304"/>
      <c r="DN89" s="304"/>
      <c r="DO89" s="304"/>
      <c r="DP89" s="304"/>
      <c r="DQ89" s="304"/>
      <c r="DR89" s="304"/>
      <c r="DS89" s="304"/>
      <c r="DT89" s="304"/>
      <c r="DU89" s="304"/>
      <c r="DV89" s="304"/>
      <c r="DW89" s="304"/>
      <c r="DX89" s="304"/>
      <c r="DY89" s="304"/>
      <c r="DZ89" s="459"/>
      <c r="ED89" s="485"/>
      <c r="EE89" s="486"/>
      <c r="EF89" s="486"/>
      <c r="EG89" s="486"/>
      <c r="EH89" s="486"/>
      <c r="EI89" s="487"/>
      <c r="EJ89" s="378"/>
      <c r="EK89" s="378"/>
      <c r="EL89" s="378"/>
      <c r="EM89" s="378"/>
      <c r="EN89" s="378"/>
      <c r="EO89" s="378"/>
      <c r="EP89" s="378"/>
      <c r="EQ89" s="378"/>
      <c r="ER89" s="378"/>
      <c r="ES89" s="378"/>
      <c r="ET89" s="378"/>
      <c r="EU89" s="378"/>
      <c r="EV89" s="378"/>
      <c r="EW89" s="378"/>
      <c r="EX89" s="378"/>
      <c r="EY89" s="378"/>
      <c r="EZ89" s="378"/>
      <c r="FA89" s="378"/>
      <c r="FB89" s="378"/>
      <c r="FC89" s="378"/>
      <c r="FD89" s="378"/>
      <c r="FE89" s="378"/>
      <c r="FF89" s="378"/>
      <c r="FG89" s="378"/>
      <c r="FH89" s="378"/>
      <c r="FI89" s="378"/>
      <c r="FJ89" s="378"/>
      <c r="FK89" s="378"/>
      <c r="FL89" s="378"/>
      <c r="FM89" s="378"/>
      <c r="FN89" s="378"/>
      <c r="FO89" s="378"/>
      <c r="FP89" s="378"/>
      <c r="FQ89" s="378"/>
      <c r="FR89" s="378"/>
      <c r="FS89" s="378"/>
      <c r="FT89" s="378"/>
      <c r="FU89" s="378"/>
      <c r="FV89" s="378"/>
      <c r="FW89" s="378"/>
      <c r="FX89" s="378"/>
      <c r="FY89" s="378"/>
      <c r="FZ89" s="378"/>
      <c r="GA89" s="378"/>
      <c r="GB89" s="378"/>
      <c r="GC89" s="378"/>
      <c r="GD89" s="378"/>
      <c r="GE89" s="378"/>
      <c r="GF89" s="378"/>
      <c r="GG89" s="378"/>
      <c r="GH89" s="378"/>
      <c r="GI89" s="378"/>
      <c r="GJ89" s="378"/>
      <c r="GK89" s="378"/>
      <c r="GL89" s="378"/>
      <c r="GM89" s="378"/>
      <c r="GN89" s="378"/>
      <c r="GO89" s="378"/>
      <c r="GP89" s="378"/>
      <c r="GQ89" s="378"/>
      <c r="GR89" s="378"/>
      <c r="GS89" s="378"/>
      <c r="GT89" s="378"/>
      <c r="GU89" s="378"/>
      <c r="GV89" s="378"/>
      <c r="GW89" s="378"/>
      <c r="GX89" s="378"/>
      <c r="GY89" s="378"/>
      <c r="GZ89" s="378"/>
      <c r="HA89" s="378"/>
      <c r="HB89" s="378"/>
      <c r="HC89" s="378"/>
      <c r="HD89" s="378"/>
      <c r="HE89" s="378"/>
      <c r="HF89" s="378"/>
      <c r="HG89" s="378"/>
      <c r="HH89" s="378"/>
      <c r="HI89" s="378"/>
      <c r="HJ89" s="378"/>
      <c r="HK89" s="378"/>
      <c r="HL89" s="378"/>
      <c r="HM89" s="378"/>
      <c r="HN89" s="378"/>
      <c r="HO89" s="378"/>
      <c r="HP89" s="378"/>
      <c r="HQ89" s="378"/>
    </row>
    <row r="90" spans="2:225" ht="6" customHeight="1">
      <c r="B90" s="421"/>
      <c r="C90" s="422"/>
      <c r="D90" s="422"/>
      <c r="E90" s="422"/>
      <c r="F90" s="422"/>
      <c r="G90" s="422"/>
      <c r="H90" s="422"/>
      <c r="I90" s="422"/>
      <c r="J90" s="422"/>
      <c r="K90" s="422"/>
      <c r="L90" s="422"/>
      <c r="M90" s="422"/>
      <c r="N90" s="422"/>
      <c r="O90" s="422"/>
      <c r="P90" s="422"/>
      <c r="Q90" s="422"/>
      <c r="R90" s="422"/>
      <c r="S90" s="422"/>
      <c r="T90" s="422"/>
      <c r="U90" s="422"/>
      <c r="V90" s="422"/>
      <c r="W90" s="422"/>
      <c r="X90" s="422"/>
      <c r="Y90" s="423"/>
      <c r="Z90" s="76"/>
      <c r="AA90" s="76"/>
      <c r="AB90" s="76"/>
      <c r="AC90" s="446"/>
      <c r="AD90" s="447"/>
      <c r="AE90" s="447"/>
      <c r="AF90" s="448"/>
      <c r="AG90" s="76"/>
      <c r="AH90" s="76"/>
      <c r="AI90" s="452" t="s">
        <v>70</v>
      </c>
      <c r="AJ90" s="452"/>
      <c r="AK90" s="452"/>
      <c r="AL90" s="452"/>
      <c r="AM90" s="452"/>
      <c r="AN90" s="452"/>
      <c r="AO90" s="452"/>
      <c r="AP90" s="452"/>
      <c r="AQ90" s="452"/>
      <c r="AR90" s="452"/>
      <c r="AS90" s="452"/>
      <c r="AT90" s="452"/>
      <c r="AU90" s="452"/>
      <c r="AV90" s="452"/>
      <c r="AW90" s="452"/>
      <c r="AX90" s="452"/>
      <c r="AY90" s="452"/>
      <c r="AZ90" s="452"/>
      <c r="BA90" s="78"/>
      <c r="BB90" s="78"/>
      <c r="BC90" s="78"/>
      <c r="BD90" s="79"/>
      <c r="BE90" s="79"/>
      <c r="BF90" s="79"/>
      <c r="BG90" s="77"/>
      <c r="BH90" s="76"/>
      <c r="BI90" s="76"/>
      <c r="BJ90" s="73"/>
      <c r="BK90" s="453" t="s">
        <v>71</v>
      </c>
      <c r="BL90" s="453"/>
      <c r="BM90" s="453"/>
      <c r="BN90" s="453"/>
      <c r="BO90" s="453"/>
      <c r="BP90" s="453"/>
      <c r="BQ90" s="453"/>
      <c r="BR90" s="453"/>
      <c r="BS90" s="453"/>
      <c r="BT90" s="453"/>
      <c r="BU90" s="453"/>
      <c r="BV90" s="453"/>
      <c r="BW90" s="453"/>
      <c r="BX90" s="453"/>
      <c r="BY90" s="453"/>
      <c r="BZ90" s="453"/>
      <c r="CA90" s="453"/>
      <c r="CB90" s="453"/>
      <c r="CC90" s="453"/>
      <c r="CD90" s="453"/>
      <c r="CE90" s="453"/>
      <c r="CF90" s="453"/>
      <c r="CG90" s="453"/>
      <c r="CH90" s="453"/>
      <c r="CI90" s="454"/>
      <c r="CJ90" s="368"/>
      <c r="CK90" s="369"/>
      <c r="CL90" s="369"/>
      <c r="CM90" s="369"/>
      <c r="CN90" s="369"/>
      <c r="CO90" s="369"/>
      <c r="CP90" s="369"/>
      <c r="CQ90" s="369"/>
      <c r="CR90" s="372"/>
      <c r="CS90" s="412"/>
      <c r="CT90" s="369"/>
      <c r="CU90" s="369"/>
      <c r="CV90" s="369"/>
      <c r="CW90" s="369"/>
      <c r="CX90" s="369"/>
      <c r="CY90" s="369"/>
      <c r="CZ90" s="369"/>
      <c r="DA90" s="403"/>
      <c r="DB90" s="404"/>
      <c r="DC90" s="369"/>
      <c r="DD90" s="369"/>
      <c r="DE90" s="369"/>
      <c r="DF90" s="369"/>
      <c r="DG90" s="369"/>
      <c r="DH90" s="369"/>
      <c r="DI90" s="369"/>
      <c r="DJ90" s="416"/>
      <c r="DK90" s="406"/>
      <c r="DL90" s="409"/>
      <c r="DM90" s="409"/>
      <c r="DN90" s="409"/>
      <c r="DO90" s="409"/>
      <c r="DP90" s="409"/>
      <c r="DQ90" s="409"/>
      <c r="DR90" s="409"/>
      <c r="DS90" s="409"/>
      <c r="DT90" s="409"/>
      <c r="DU90" s="409"/>
      <c r="DV90" s="409"/>
      <c r="DW90" s="409"/>
      <c r="DX90" s="409"/>
      <c r="DY90" s="409"/>
      <c r="DZ90" s="479"/>
      <c r="ED90" s="485"/>
      <c r="EE90" s="486"/>
      <c r="EF90" s="486"/>
      <c r="EG90" s="486"/>
      <c r="EH90" s="486"/>
      <c r="EI90" s="487"/>
      <c r="EJ90" s="464"/>
      <c r="EK90" s="465"/>
      <c r="EL90" s="465"/>
      <c r="EM90" s="465"/>
      <c r="EN90" s="465"/>
      <c r="EO90" s="465"/>
      <c r="EP90" s="465"/>
      <c r="EQ90" s="465"/>
      <c r="ER90" s="465"/>
      <c r="ES90" s="465"/>
      <c r="ET90" s="465"/>
      <c r="EU90" s="465"/>
      <c r="EV90" s="465"/>
      <c r="EW90" s="465"/>
      <c r="EX90" s="465"/>
      <c r="EY90" s="465"/>
      <c r="EZ90" s="465"/>
      <c r="FA90" s="465"/>
      <c r="FB90" s="465"/>
      <c r="FC90" s="465"/>
      <c r="FD90" s="465"/>
      <c r="FE90" s="465"/>
      <c r="FF90" s="465"/>
      <c r="FG90" s="465"/>
      <c r="FH90" s="465"/>
      <c r="FI90" s="465"/>
      <c r="FJ90" s="465"/>
      <c r="FK90" s="466"/>
      <c r="FL90" s="464"/>
      <c r="FM90" s="465"/>
      <c r="FN90" s="465"/>
      <c r="FO90" s="465"/>
      <c r="FP90" s="465"/>
      <c r="FQ90" s="465"/>
      <c r="FR90" s="465"/>
      <c r="FS90" s="465"/>
      <c r="FT90" s="465"/>
      <c r="FU90" s="465"/>
      <c r="FV90" s="465"/>
      <c r="FW90" s="465"/>
      <c r="FX90" s="465"/>
      <c r="FY90" s="465"/>
      <c r="FZ90" s="465"/>
      <c r="GA90" s="465"/>
      <c r="GB90" s="465"/>
      <c r="GC90" s="465"/>
      <c r="GD90" s="465"/>
      <c r="GE90" s="465"/>
      <c r="GF90" s="465"/>
      <c r="GG90" s="465"/>
      <c r="GH90" s="465"/>
      <c r="GI90" s="465"/>
      <c r="GJ90" s="465"/>
      <c r="GK90" s="465"/>
      <c r="GL90" s="465"/>
      <c r="GM90" s="465"/>
      <c r="GN90" s="465"/>
      <c r="GO90" s="465"/>
      <c r="GP90" s="465"/>
      <c r="GQ90" s="465"/>
      <c r="GR90" s="465"/>
      <c r="GS90" s="465"/>
      <c r="GT90" s="465"/>
      <c r="GU90" s="465"/>
      <c r="GV90" s="465"/>
      <c r="GW90" s="465"/>
      <c r="GX90" s="465"/>
      <c r="GY90" s="465"/>
      <c r="GZ90" s="465"/>
      <c r="HA90" s="465"/>
      <c r="HB90" s="466"/>
      <c r="HC90" s="395"/>
      <c r="HD90" s="395"/>
      <c r="HE90" s="395"/>
      <c r="HF90" s="395"/>
      <c r="HG90" s="395"/>
      <c r="HH90" s="395"/>
      <c r="HI90" s="395"/>
      <c r="HJ90" s="395"/>
      <c r="HK90" s="395"/>
      <c r="HL90" s="395"/>
      <c r="HM90" s="395"/>
      <c r="HN90" s="395"/>
      <c r="HO90" s="395"/>
      <c r="HP90" s="395"/>
      <c r="HQ90" s="395"/>
    </row>
    <row r="91" spans="2:225" ht="6" customHeight="1">
      <c r="B91" s="421"/>
      <c r="C91" s="422"/>
      <c r="D91" s="422"/>
      <c r="E91" s="422"/>
      <c r="F91" s="422"/>
      <c r="G91" s="422"/>
      <c r="H91" s="422"/>
      <c r="I91" s="422"/>
      <c r="J91" s="422"/>
      <c r="K91" s="422"/>
      <c r="L91" s="422"/>
      <c r="M91" s="422"/>
      <c r="N91" s="422"/>
      <c r="O91" s="422"/>
      <c r="P91" s="422"/>
      <c r="Q91" s="422"/>
      <c r="R91" s="422"/>
      <c r="S91" s="422"/>
      <c r="T91" s="422"/>
      <c r="U91" s="422"/>
      <c r="V91" s="422"/>
      <c r="W91" s="422"/>
      <c r="X91" s="422"/>
      <c r="Y91" s="423"/>
      <c r="Z91" s="76"/>
      <c r="AA91" s="76"/>
      <c r="AB91" s="76"/>
      <c r="AC91" s="449"/>
      <c r="AD91" s="450"/>
      <c r="AE91" s="450"/>
      <c r="AF91" s="451"/>
      <c r="AG91" s="76"/>
      <c r="AH91" s="76"/>
      <c r="AI91" s="452"/>
      <c r="AJ91" s="452"/>
      <c r="AK91" s="452"/>
      <c r="AL91" s="452"/>
      <c r="AM91" s="452"/>
      <c r="AN91" s="452"/>
      <c r="AO91" s="452"/>
      <c r="AP91" s="452"/>
      <c r="AQ91" s="452"/>
      <c r="AR91" s="452"/>
      <c r="AS91" s="452"/>
      <c r="AT91" s="452"/>
      <c r="AU91" s="452"/>
      <c r="AV91" s="452"/>
      <c r="AW91" s="452"/>
      <c r="AX91" s="452"/>
      <c r="AY91" s="452"/>
      <c r="AZ91" s="452"/>
      <c r="BA91" s="78"/>
      <c r="BB91" s="78"/>
      <c r="BC91" s="78"/>
      <c r="BD91" s="79"/>
      <c r="BE91" s="79"/>
      <c r="BF91" s="79"/>
      <c r="BG91" s="77"/>
      <c r="BH91" s="76"/>
      <c r="BI91" s="76"/>
      <c r="BJ91" s="73"/>
      <c r="BK91" s="438"/>
      <c r="BL91" s="438"/>
      <c r="BM91" s="438"/>
      <c r="BN91" s="438"/>
      <c r="BO91" s="438"/>
      <c r="BP91" s="438"/>
      <c r="BQ91" s="438"/>
      <c r="BR91" s="438"/>
      <c r="BS91" s="438"/>
      <c r="BT91" s="438"/>
      <c r="BU91" s="438"/>
      <c r="BV91" s="438"/>
      <c r="BW91" s="438"/>
      <c r="BX91" s="438"/>
      <c r="BY91" s="438"/>
      <c r="BZ91" s="438"/>
      <c r="CA91" s="438"/>
      <c r="CB91" s="438"/>
      <c r="CC91" s="438"/>
      <c r="CD91" s="438"/>
      <c r="CE91" s="438"/>
      <c r="CF91" s="438"/>
      <c r="CG91" s="438"/>
      <c r="CH91" s="438"/>
      <c r="CI91" s="439"/>
      <c r="CJ91" s="361"/>
      <c r="CK91" s="340"/>
      <c r="CL91" s="340"/>
      <c r="CM91" s="340"/>
      <c r="CN91" s="340"/>
      <c r="CO91" s="340"/>
      <c r="CP91" s="340"/>
      <c r="CQ91" s="340"/>
      <c r="CR91" s="347"/>
      <c r="CS91" s="350"/>
      <c r="CT91" s="340"/>
      <c r="CU91" s="340"/>
      <c r="CV91" s="340"/>
      <c r="CW91" s="340"/>
      <c r="CX91" s="340"/>
      <c r="CY91" s="340"/>
      <c r="CZ91" s="340"/>
      <c r="DA91" s="353"/>
      <c r="DB91" s="356"/>
      <c r="DC91" s="340"/>
      <c r="DD91" s="340"/>
      <c r="DE91" s="340"/>
      <c r="DF91" s="340"/>
      <c r="DG91" s="340"/>
      <c r="DH91" s="340"/>
      <c r="DI91" s="340"/>
      <c r="DJ91" s="341"/>
      <c r="DK91" s="345"/>
      <c r="DL91" s="304"/>
      <c r="DM91" s="304"/>
      <c r="DN91" s="304"/>
      <c r="DO91" s="304"/>
      <c r="DP91" s="304"/>
      <c r="DQ91" s="304"/>
      <c r="DR91" s="304"/>
      <c r="DS91" s="304"/>
      <c r="DT91" s="304"/>
      <c r="DU91" s="304"/>
      <c r="DV91" s="304"/>
      <c r="DW91" s="304"/>
      <c r="DX91" s="304"/>
      <c r="DY91" s="304"/>
      <c r="DZ91" s="459"/>
      <c r="ED91" s="485"/>
      <c r="EE91" s="486"/>
      <c r="EF91" s="486"/>
      <c r="EG91" s="486"/>
      <c r="EH91" s="486"/>
      <c r="EI91" s="487"/>
      <c r="EJ91" s="467"/>
      <c r="EK91" s="468"/>
      <c r="EL91" s="468"/>
      <c r="EM91" s="468"/>
      <c r="EN91" s="468"/>
      <c r="EO91" s="468"/>
      <c r="EP91" s="468"/>
      <c r="EQ91" s="468"/>
      <c r="ER91" s="468"/>
      <c r="ES91" s="468"/>
      <c r="ET91" s="468"/>
      <c r="EU91" s="468"/>
      <c r="EV91" s="468"/>
      <c r="EW91" s="468"/>
      <c r="EX91" s="468"/>
      <c r="EY91" s="468"/>
      <c r="EZ91" s="468"/>
      <c r="FA91" s="468"/>
      <c r="FB91" s="468"/>
      <c r="FC91" s="468"/>
      <c r="FD91" s="468"/>
      <c r="FE91" s="468"/>
      <c r="FF91" s="468"/>
      <c r="FG91" s="468"/>
      <c r="FH91" s="468"/>
      <c r="FI91" s="468"/>
      <c r="FJ91" s="468"/>
      <c r="FK91" s="469"/>
      <c r="FL91" s="467"/>
      <c r="FM91" s="468"/>
      <c r="FN91" s="468"/>
      <c r="FO91" s="468"/>
      <c r="FP91" s="468"/>
      <c r="FQ91" s="468"/>
      <c r="FR91" s="468"/>
      <c r="FS91" s="468"/>
      <c r="FT91" s="468"/>
      <c r="FU91" s="468"/>
      <c r="FV91" s="468"/>
      <c r="FW91" s="468"/>
      <c r="FX91" s="468"/>
      <c r="FY91" s="468"/>
      <c r="FZ91" s="468"/>
      <c r="GA91" s="468"/>
      <c r="GB91" s="468"/>
      <c r="GC91" s="468"/>
      <c r="GD91" s="468"/>
      <c r="GE91" s="468"/>
      <c r="GF91" s="468"/>
      <c r="GG91" s="468"/>
      <c r="GH91" s="468"/>
      <c r="GI91" s="468"/>
      <c r="GJ91" s="468"/>
      <c r="GK91" s="468"/>
      <c r="GL91" s="468"/>
      <c r="GM91" s="468"/>
      <c r="GN91" s="468"/>
      <c r="GO91" s="468"/>
      <c r="GP91" s="468"/>
      <c r="GQ91" s="468"/>
      <c r="GR91" s="468"/>
      <c r="GS91" s="468"/>
      <c r="GT91" s="468"/>
      <c r="GU91" s="468"/>
      <c r="GV91" s="468"/>
      <c r="GW91" s="468"/>
      <c r="GX91" s="468"/>
      <c r="GY91" s="468"/>
      <c r="GZ91" s="468"/>
      <c r="HA91" s="468"/>
      <c r="HB91" s="469"/>
      <c r="HC91" s="395"/>
      <c r="HD91" s="395"/>
      <c r="HE91" s="395"/>
      <c r="HF91" s="395"/>
      <c r="HG91" s="395"/>
      <c r="HH91" s="395"/>
      <c r="HI91" s="395"/>
      <c r="HJ91" s="395"/>
      <c r="HK91" s="395"/>
      <c r="HL91" s="395"/>
      <c r="HM91" s="395"/>
      <c r="HN91" s="395"/>
      <c r="HO91" s="395"/>
      <c r="HP91" s="395"/>
      <c r="HQ91" s="395"/>
    </row>
    <row r="92" spans="2:225" ht="6" customHeight="1">
      <c r="B92" s="421"/>
      <c r="C92" s="422"/>
      <c r="D92" s="422"/>
      <c r="E92" s="422"/>
      <c r="F92" s="422"/>
      <c r="G92" s="422"/>
      <c r="H92" s="422"/>
      <c r="I92" s="422"/>
      <c r="J92" s="422"/>
      <c r="K92" s="422"/>
      <c r="L92" s="422"/>
      <c r="M92" s="422"/>
      <c r="N92" s="422"/>
      <c r="O92" s="422"/>
      <c r="P92" s="422"/>
      <c r="Q92" s="422"/>
      <c r="R92" s="422"/>
      <c r="S92" s="422"/>
      <c r="T92" s="422"/>
      <c r="U92" s="422"/>
      <c r="V92" s="422"/>
      <c r="W92" s="422"/>
      <c r="X92" s="422"/>
      <c r="Y92" s="423"/>
      <c r="Z92" s="76"/>
      <c r="AA92" s="76"/>
      <c r="AB92" s="76"/>
      <c r="AC92" s="76"/>
      <c r="AD92" s="76"/>
      <c r="AE92" s="76"/>
      <c r="AF92" s="76"/>
      <c r="AG92" s="76"/>
      <c r="AH92" s="76"/>
      <c r="AI92" s="76"/>
      <c r="AJ92" s="76"/>
      <c r="AK92" s="76"/>
      <c r="AL92" s="76"/>
      <c r="AM92" s="76"/>
      <c r="AN92" s="76"/>
      <c r="AO92" s="76"/>
      <c r="AP92" s="76"/>
      <c r="AQ92" s="76"/>
      <c r="AR92" s="76"/>
      <c r="AS92" s="76"/>
      <c r="AT92" s="76"/>
      <c r="AU92" s="76"/>
      <c r="AV92" s="76"/>
      <c r="AW92" s="76"/>
      <c r="AX92" s="76"/>
      <c r="AY92" s="76"/>
      <c r="AZ92" s="76"/>
      <c r="BA92" s="76"/>
      <c r="BB92" s="76"/>
      <c r="BC92" s="76"/>
      <c r="BD92" s="76"/>
      <c r="BE92" s="76"/>
      <c r="BF92" s="76"/>
      <c r="BG92" s="77"/>
      <c r="BH92" s="76"/>
      <c r="BI92" s="76"/>
      <c r="BJ92" s="73"/>
      <c r="BK92" s="438"/>
      <c r="BL92" s="438"/>
      <c r="BM92" s="438"/>
      <c r="BN92" s="438"/>
      <c r="BO92" s="438"/>
      <c r="BP92" s="438"/>
      <c r="BQ92" s="438"/>
      <c r="BR92" s="438"/>
      <c r="BS92" s="438"/>
      <c r="BT92" s="438"/>
      <c r="BU92" s="438"/>
      <c r="BV92" s="438"/>
      <c r="BW92" s="438"/>
      <c r="BX92" s="438"/>
      <c r="BY92" s="438"/>
      <c r="BZ92" s="438"/>
      <c r="CA92" s="438"/>
      <c r="CB92" s="438"/>
      <c r="CC92" s="438"/>
      <c r="CD92" s="438"/>
      <c r="CE92" s="438"/>
      <c r="CF92" s="438"/>
      <c r="CG92" s="438"/>
      <c r="CH92" s="438"/>
      <c r="CI92" s="439"/>
      <c r="CJ92" s="361"/>
      <c r="CK92" s="340"/>
      <c r="CL92" s="340"/>
      <c r="CM92" s="340"/>
      <c r="CN92" s="340"/>
      <c r="CO92" s="340"/>
      <c r="CP92" s="340"/>
      <c r="CQ92" s="340"/>
      <c r="CR92" s="347"/>
      <c r="CS92" s="350"/>
      <c r="CT92" s="340"/>
      <c r="CU92" s="340"/>
      <c r="CV92" s="340"/>
      <c r="CW92" s="340"/>
      <c r="CX92" s="340"/>
      <c r="CY92" s="340"/>
      <c r="CZ92" s="340"/>
      <c r="DA92" s="353"/>
      <c r="DB92" s="356"/>
      <c r="DC92" s="340"/>
      <c r="DD92" s="340"/>
      <c r="DE92" s="340"/>
      <c r="DF92" s="340"/>
      <c r="DG92" s="340"/>
      <c r="DH92" s="340"/>
      <c r="DI92" s="340"/>
      <c r="DJ92" s="341"/>
      <c r="DK92" s="345"/>
      <c r="DL92" s="304"/>
      <c r="DM92" s="304"/>
      <c r="DN92" s="304"/>
      <c r="DO92" s="304"/>
      <c r="DP92" s="304"/>
      <c r="DQ92" s="304"/>
      <c r="DR92" s="304"/>
      <c r="DS92" s="304"/>
      <c r="DT92" s="304"/>
      <c r="DU92" s="304"/>
      <c r="DV92" s="304"/>
      <c r="DW92" s="304"/>
      <c r="DX92" s="304"/>
      <c r="DY92" s="304"/>
      <c r="DZ92" s="459"/>
      <c r="ED92" s="485"/>
      <c r="EE92" s="486"/>
      <c r="EF92" s="486"/>
      <c r="EG92" s="486"/>
      <c r="EH92" s="486"/>
      <c r="EI92" s="487"/>
      <c r="EJ92" s="467"/>
      <c r="EK92" s="468"/>
      <c r="EL92" s="468"/>
      <c r="EM92" s="468"/>
      <c r="EN92" s="468"/>
      <c r="EO92" s="468"/>
      <c r="EP92" s="468"/>
      <c r="EQ92" s="468"/>
      <c r="ER92" s="468"/>
      <c r="ES92" s="468"/>
      <c r="ET92" s="468"/>
      <c r="EU92" s="468"/>
      <c r="EV92" s="468"/>
      <c r="EW92" s="468"/>
      <c r="EX92" s="468"/>
      <c r="EY92" s="468"/>
      <c r="EZ92" s="468"/>
      <c r="FA92" s="468"/>
      <c r="FB92" s="468"/>
      <c r="FC92" s="468"/>
      <c r="FD92" s="468"/>
      <c r="FE92" s="468"/>
      <c r="FF92" s="468"/>
      <c r="FG92" s="468"/>
      <c r="FH92" s="468"/>
      <c r="FI92" s="468"/>
      <c r="FJ92" s="468"/>
      <c r="FK92" s="469"/>
      <c r="FL92" s="467"/>
      <c r="FM92" s="468"/>
      <c r="FN92" s="468"/>
      <c r="FO92" s="468"/>
      <c r="FP92" s="468"/>
      <c r="FQ92" s="468"/>
      <c r="FR92" s="468"/>
      <c r="FS92" s="468"/>
      <c r="FT92" s="468"/>
      <c r="FU92" s="468"/>
      <c r="FV92" s="468"/>
      <c r="FW92" s="468"/>
      <c r="FX92" s="468"/>
      <c r="FY92" s="468"/>
      <c r="FZ92" s="468"/>
      <c r="GA92" s="468"/>
      <c r="GB92" s="468"/>
      <c r="GC92" s="468"/>
      <c r="GD92" s="468"/>
      <c r="GE92" s="468"/>
      <c r="GF92" s="468"/>
      <c r="GG92" s="468"/>
      <c r="GH92" s="468"/>
      <c r="GI92" s="468"/>
      <c r="GJ92" s="468"/>
      <c r="GK92" s="468"/>
      <c r="GL92" s="468"/>
      <c r="GM92" s="468"/>
      <c r="GN92" s="468"/>
      <c r="GO92" s="468"/>
      <c r="GP92" s="468"/>
      <c r="GQ92" s="468"/>
      <c r="GR92" s="468"/>
      <c r="GS92" s="468"/>
      <c r="GT92" s="468"/>
      <c r="GU92" s="468"/>
      <c r="GV92" s="468"/>
      <c r="GW92" s="468"/>
      <c r="GX92" s="468"/>
      <c r="GY92" s="468"/>
      <c r="GZ92" s="468"/>
      <c r="HA92" s="468"/>
      <c r="HB92" s="469"/>
      <c r="HC92" s="395"/>
      <c r="HD92" s="395"/>
      <c r="HE92" s="395"/>
      <c r="HF92" s="395"/>
      <c r="HG92" s="395"/>
      <c r="HH92" s="395"/>
      <c r="HI92" s="395"/>
      <c r="HJ92" s="395"/>
      <c r="HK92" s="395"/>
      <c r="HL92" s="395"/>
      <c r="HM92" s="395"/>
      <c r="HN92" s="395"/>
      <c r="HO92" s="395"/>
      <c r="HP92" s="395"/>
      <c r="HQ92" s="395"/>
    </row>
    <row r="93" spans="2:225" ht="6" customHeight="1">
      <c r="B93" s="421"/>
      <c r="C93" s="422"/>
      <c r="D93" s="422"/>
      <c r="E93" s="422"/>
      <c r="F93" s="422"/>
      <c r="G93" s="422"/>
      <c r="H93" s="422"/>
      <c r="I93" s="422"/>
      <c r="J93" s="422"/>
      <c r="K93" s="422"/>
      <c r="L93" s="422"/>
      <c r="M93" s="422"/>
      <c r="N93" s="422"/>
      <c r="O93" s="422"/>
      <c r="P93" s="422"/>
      <c r="Q93" s="422"/>
      <c r="R93" s="422"/>
      <c r="S93" s="422"/>
      <c r="T93" s="422"/>
      <c r="U93" s="422"/>
      <c r="V93" s="422"/>
      <c r="W93" s="422"/>
      <c r="X93" s="422"/>
      <c r="Y93" s="423"/>
      <c r="Z93" s="76"/>
      <c r="AA93" s="76"/>
      <c r="AB93" s="76"/>
      <c r="AC93" s="76"/>
      <c r="AD93" s="76"/>
      <c r="AE93" s="76"/>
      <c r="AF93" s="76"/>
      <c r="AG93" s="76"/>
      <c r="AH93" s="76"/>
      <c r="AI93" s="76"/>
      <c r="AJ93" s="76"/>
      <c r="AK93" s="76"/>
      <c r="AL93" s="76"/>
      <c r="AM93" s="76"/>
      <c r="AN93" s="76"/>
      <c r="AO93" s="76"/>
      <c r="AP93" s="76"/>
      <c r="AQ93" s="76"/>
      <c r="AR93" s="76"/>
      <c r="AS93" s="76"/>
      <c r="AT93" s="76"/>
      <c r="AU93" s="76"/>
      <c r="AV93" s="76"/>
      <c r="AW93" s="76"/>
      <c r="AX93" s="76"/>
      <c r="AY93" s="76"/>
      <c r="AZ93" s="76"/>
      <c r="BA93" s="76"/>
      <c r="BB93" s="76"/>
      <c r="BC93" s="76"/>
      <c r="BD93" s="76"/>
      <c r="BE93" s="76"/>
      <c r="BF93" s="76"/>
      <c r="BG93" s="77"/>
      <c r="BH93" s="76"/>
      <c r="BI93" s="76"/>
      <c r="BJ93" s="73"/>
      <c r="BK93" s="455"/>
      <c r="BL93" s="455"/>
      <c r="BM93" s="455"/>
      <c r="BN93" s="455"/>
      <c r="BO93" s="455"/>
      <c r="BP93" s="455"/>
      <c r="BQ93" s="455"/>
      <c r="BR93" s="455"/>
      <c r="BS93" s="455"/>
      <c r="BT93" s="455"/>
      <c r="BU93" s="455"/>
      <c r="BV93" s="455"/>
      <c r="BW93" s="455"/>
      <c r="BX93" s="455"/>
      <c r="BY93" s="455"/>
      <c r="BZ93" s="455"/>
      <c r="CA93" s="455"/>
      <c r="CB93" s="455"/>
      <c r="CC93" s="455"/>
      <c r="CD93" s="455"/>
      <c r="CE93" s="455"/>
      <c r="CF93" s="455"/>
      <c r="CG93" s="455"/>
      <c r="CH93" s="455"/>
      <c r="CI93" s="456"/>
      <c r="CJ93" s="362"/>
      <c r="CK93" s="342"/>
      <c r="CL93" s="342"/>
      <c r="CM93" s="342"/>
      <c r="CN93" s="342"/>
      <c r="CO93" s="342"/>
      <c r="CP93" s="342"/>
      <c r="CQ93" s="342"/>
      <c r="CR93" s="348"/>
      <c r="CS93" s="351"/>
      <c r="CT93" s="342"/>
      <c r="CU93" s="342"/>
      <c r="CV93" s="342"/>
      <c r="CW93" s="342"/>
      <c r="CX93" s="342"/>
      <c r="CY93" s="342"/>
      <c r="CZ93" s="342"/>
      <c r="DA93" s="354"/>
      <c r="DB93" s="357"/>
      <c r="DC93" s="342"/>
      <c r="DD93" s="342"/>
      <c r="DE93" s="342"/>
      <c r="DF93" s="342"/>
      <c r="DG93" s="342"/>
      <c r="DH93" s="342"/>
      <c r="DI93" s="342"/>
      <c r="DJ93" s="343"/>
      <c r="DK93" s="344"/>
      <c r="DL93" s="374"/>
      <c r="DM93" s="374"/>
      <c r="DN93" s="374"/>
      <c r="DO93" s="374"/>
      <c r="DP93" s="374"/>
      <c r="DQ93" s="374"/>
      <c r="DR93" s="374"/>
      <c r="DS93" s="374"/>
      <c r="DT93" s="374"/>
      <c r="DU93" s="374"/>
      <c r="DV93" s="374"/>
      <c r="DW93" s="374"/>
      <c r="DX93" s="374"/>
      <c r="DY93" s="374"/>
      <c r="DZ93" s="458"/>
      <c r="ED93" s="485"/>
      <c r="EE93" s="486"/>
      <c r="EF93" s="486"/>
      <c r="EG93" s="486"/>
      <c r="EH93" s="486"/>
      <c r="EI93" s="487"/>
      <c r="EJ93" s="467"/>
      <c r="EK93" s="468"/>
      <c r="EL93" s="468"/>
      <c r="EM93" s="468"/>
      <c r="EN93" s="468"/>
      <c r="EO93" s="468"/>
      <c r="EP93" s="468"/>
      <c r="EQ93" s="468"/>
      <c r="ER93" s="468"/>
      <c r="ES93" s="468"/>
      <c r="ET93" s="468"/>
      <c r="EU93" s="468"/>
      <c r="EV93" s="468"/>
      <c r="EW93" s="468"/>
      <c r="EX93" s="468"/>
      <c r="EY93" s="468"/>
      <c r="EZ93" s="468"/>
      <c r="FA93" s="468"/>
      <c r="FB93" s="468"/>
      <c r="FC93" s="468"/>
      <c r="FD93" s="468"/>
      <c r="FE93" s="468"/>
      <c r="FF93" s="468"/>
      <c r="FG93" s="468"/>
      <c r="FH93" s="468"/>
      <c r="FI93" s="468"/>
      <c r="FJ93" s="468"/>
      <c r="FK93" s="469"/>
      <c r="FL93" s="467"/>
      <c r="FM93" s="468"/>
      <c r="FN93" s="468"/>
      <c r="FO93" s="468"/>
      <c r="FP93" s="468"/>
      <c r="FQ93" s="468"/>
      <c r="FR93" s="468"/>
      <c r="FS93" s="468"/>
      <c r="FT93" s="468"/>
      <c r="FU93" s="468"/>
      <c r="FV93" s="468"/>
      <c r="FW93" s="468"/>
      <c r="FX93" s="468"/>
      <c r="FY93" s="468"/>
      <c r="FZ93" s="468"/>
      <c r="GA93" s="468"/>
      <c r="GB93" s="468"/>
      <c r="GC93" s="468"/>
      <c r="GD93" s="468"/>
      <c r="GE93" s="468"/>
      <c r="GF93" s="468"/>
      <c r="GG93" s="468"/>
      <c r="GH93" s="468"/>
      <c r="GI93" s="468"/>
      <c r="GJ93" s="468"/>
      <c r="GK93" s="468"/>
      <c r="GL93" s="468"/>
      <c r="GM93" s="468"/>
      <c r="GN93" s="468"/>
      <c r="GO93" s="468"/>
      <c r="GP93" s="468"/>
      <c r="GQ93" s="468"/>
      <c r="GR93" s="468"/>
      <c r="GS93" s="468"/>
      <c r="GT93" s="468"/>
      <c r="GU93" s="468"/>
      <c r="GV93" s="468"/>
      <c r="GW93" s="468"/>
      <c r="GX93" s="468"/>
      <c r="GY93" s="468"/>
      <c r="GZ93" s="468"/>
      <c r="HA93" s="468"/>
      <c r="HB93" s="469"/>
      <c r="HC93" s="395"/>
      <c r="HD93" s="395"/>
      <c r="HE93" s="395"/>
      <c r="HF93" s="395"/>
      <c r="HG93" s="395"/>
      <c r="HH93" s="395"/>
      <c r="HI93" s="395"/>
      <c r="HJ93" s="395"/>
      <c r="HK93" s="395"/>
      <c r="HL93" s="395"/>
      <c r="HM93" s="395"/>
      <c r="HN93" s="395"/>
      <c r="HO93" s="395"/>
      <c r="HP93" s="395"/>
      <c r="HQ93" s="395"/>
    </row>
    <row r="94" spans="2:225" ht="6" customHeight="1">
      <c r="B94" s="421"/>
      <c r="C94" s="422"/>
      <c r="D94" s="422"/>
      <c r="E94" s="422"/>
      <c r="F94" s="422"/>
      <c r="G94" s="422"/>
      <c r="H94" s="422"/>
      <c r="I94" s="422"/>
      <c r="J94" s="422"/>
      <c r="K94" s="422"/>
      <c r="L94" s="422"/>
      <c r="M94" s="422"/>
      <c r="N94" s="422"/>
      <c r="O94" s="422"/>
      <c r="P94" s="422"/>
      <c r="Q94" s="422"/>
      <c r="R94" s="422"/>
      <c r="S94" s="422"/>
      <c r="T94" s="422"/>
      <c r="U94" s="422"/>
      <c r="V94" s="422"/>
      <c r="W94" s="422"/>
      <c r="X94" s="422"/>
      <c r="Y94" s="423"/>
      <c r="Z94" s="80"/>
      <c r="AA94" s="80"/>
      <c r="AB94" s="76"/>
      <c r="AC94" s="76"/>
      <c r="AD94" s="76"/>
      <c r="AE94" s="76"/>
      <c r="AF94" s="76"/>
      <c r="AG94" s="76"/>
      <c r="AH94" s="76"/>
      <c r="AI94" s="76"/>
      <c r="AJ94" s="76"/>
      <c r="AK94" s="76"/>
      <c r="AL94" s="76"/>
      <c r="AM94" s="76"/>
      <c r="AN94" s="76"/>
      <c r="AO94" s="76"/>
      <c r="AP94" s="76"/>
      <c r="AQ94" s="76"/>
      <c r="AR94" s="76"/>
      <c r="AS94" s="76"/>
      <c r="AT94" s="76"/>
      <c r="AU94" s="76"/>
      <c r="AV94" s="76"/>
      <c r="AW94" s="76"/>
      <c r="AX94" s="76"/>
      <c r="AY94" s="76"/>
      <c r="AZ94" s="76"/>
      <c r="BA94" s="76"/>
      <c r="BB94" s="76"/>
      <c r="BC94" s="76"/>
      <c r="BD94" s="76"/>
      <c r="BE94" s="76"/>
      <c r="BF94" s="76"/>
      <c r="BG94" s="77"/>
      <c r="BH94" s="76"/>
      <c r="BI94" s="76"/>
      <c r="BJ94" s="73"/>
      <c r="BK94" s="436" t="s">
        <v>72</v>
      </c>
      <c r="BL94" s="436"/>
      <c r="BM94" s="436"/>
      <c r="BN94" s="436"/>
      <c r="BO94" s="436"/>
      <c r="BP94" s="436"/>
      <c r="BQ94" s="436"/>
      <c r="BR94" s="436"/>
      <c r="BS94" s="436"/>
      <c r="BT94" s="436"/>
      <c r="BU94" s="436"/>
      <c r="BV94" s="436"/>
      <c r="BW94" s="436"/>
      <c r="BX94" s="436"/>
      <c r="BY94" s="436"/>
      <c r="BZ94" s="436"/>
      <c r="CA94" s="436"/>
      <c r="CB94" s="436"/>
      <c r="CC94" s="436"/>
      <c r="CD94" s="436"/>
      <c r="CE94" s="436"/>
      <c r="CF94" s="436"/>
      <c r="CG94" s="436"/>
      <c r="CH94" s="436"/>
      <c r="CI94" s="436"/>
      <c r="CJ94" s="440"/>
      <c r="CK94" s="441"/>
      <c r="CL94" s="441"/>
      <c r="CM94" s="441"/>
      <c r="CN94" s="441"/>
      <c r="CO94" s="441"/>
      <c r="CP94" s="441"/>
      <c r="CQ94" s="441"/>
      <c r="CR94" s="442"/>
      <c r="CS94" s="443"/>
      <c r="CT94" s="441"/>
      <c r="CU94" s="441"/>
      <c r="CV94" s="441"/>
      <c r="CW94" s="441"/>
      <c r="CX94" s="441"/>
      <c r="CY94" s="441"/>
      <c r="CZ94" s="441"/>
      <c r="DA94" s="444"/>
      <c r="DB94" s="445"/>
      <c r="DC94" s="441"/>
      <c r="DD94" s="441"/>
      <c r="DE94" s="441"/>
      <c r="DF94" s="441"/>
      <c r="DG94" s="441"/>
      <c r="DH94" s="441"/>
      <c r="DI94" s="441"/>
      <c r="DJ94" s="457"/>
      <c r="DK94" s="481"/>
      <c r="DL94" s="374"/>
      <c r="DM94" s="374"/>
      <c r="DN94" s="374"/>
      <c r="DO94" s="374"/>
      <c r="DP94" s="374"/>
      <c r="DQ94" s="374"/>
      <c r="DR94" s="374"/>
      <c r="DS94" s="374"/>
      <c r="DT94" s="374"/>
      <c r="DU94" s="374"/>
      <c r="DV94" s="374"/>
      <c r="DW94" s="374"/>
      <c r="DX94" s="374"/>
      <c r="DY94" s="374"/>
      <c r="DZ94" s="458"/>
      <c r="ED94" s="485"/>
      <c r="EE94" s="486"/>
      <c r="EF94" s="486"/>
      <c r="EG94" s="486"/>
      <c r="EH94" s="486"/>
      <c r="EI94" s="487"/>
      <c r="EJ94" s="467"/>
      <c r="EK94" s="468"/>
      <c r="EL94" s="468"/>
      <c r="EM94" s="468"/>
      <c r="EN94" s="468"/>
      <c r="EO94" s="468"/>
      <c r="EP94" s="468"/>
      <c r="EQ94" s="468"/>
      <c r="ER94" s="468"/>
      <c r="ES94" s="468"/>
      <c r="ET94" s="468"/>
      <c r="EU94" s="468"/>
      <c r="EV94" s="468"/>
      <c r="EW94" s="468"/>
      <c r="EX94" s="468"/>
      <c r="EY94" s="468"/>
      <c r="EZ94" s="468"/>
      <c r="FA94" s="468"/>
      <c r="FB94" s="468"/>
      <c r="FC94" s="468"/>
      <c r="FD94" s="468"/>
      <c r="FE94" s="468"/>
      <c r="FF94" s="468"/>
      <c r="FG94" s="468"/>
      <c r="FH94" s="468"/>
      <c r="FI94" s="468"/>
      <c r="FJ94" s="468"/>
      <c r="FK94" s="469"/>
      <c r="FL94" s="467"/>
      <c r="FM94" s="468"/>
      <c r="FN94" s="468"/>
      <c r="FO94" s="468"/>
      <c r="FP94" s="468"/>
      <c r="FQ94" s="468"/>
      <c r="FR94" s="468"/>
      <c r="FS94" s="468"/>
      <c r="FT94" s="468"/>
      <c r="FU94" s="468"/>
      <c r="FV94" s="468"/>
      <c r="FW94" s="468"/>
      <c r="FX94" s="468"/>
      <c r="FY94" s="468"/>
      <c r="FZ94" s="468"/>
      <c r="GA94" s="468"/>
      <c r="GB94" s="468"/>
      <c r="GC94" s="468"/>
      <c r="GD94" s="468"/>
      <c r="GE94" s="468"/>
      <c r="GF94" s="468"/>
      <c r="GG94" s="468"/>
      <c r="GH94" s="468"/>
      <c r="GI94" s="468"/>
      <c r="GJ94" s="468"/>
      <c r="GK94" s="468"/>
      <c r="GL94" s="468"/>
      <c r="GM94" s="468"/>
      <c r="GN94" s="468"/>
      <c r="GO94" s="468"/>
      <c r="GP94" s="468"/>
      <c r="GQ94" s="468"/>
      <c r="GR94" s="468"/>
      <c r="GS94" s="468"/>
      <c r="GT94" s="468"/>
      <c r="GU94" s="468"/>
      <c r="GV94" s="468"/>
      <c r="GW94" s="468"/>
      <c r="GX94" s="468"/>
      <c r="GY94" s="468"/>
      <c r="GZ94" s="468"/>
      <c r="HA94" s="468"/>
      <c r="HB94" s="469"/>
      <c r="HC94" s="395"/>
      <c r="HD94" s="395"/>
      <c r="HE94" s="395"/>
      <c r="HF94" s="395"/>
      <c r="HG94" s="395"/>
      <c r="HH94" s="395"/>
      <c r="HI94" s="395"/>
      <c r="HJ94" s="395"/>
      <c r="HK94" s="395"/>
      <c r="HL94" s="395"/>
      <c r="HM94" s="395"/>
      <c r="HN94" s="395"/>
      <c r="HO94" s="395"/>
      <c r="HP94" s="395"/>
      <c r="HQ94" s="395"/>
    </row>
    <row r="95" spans="2:225" ht="6" customHeight="1">
      <c r="B95" s="421"/>
      <c r="C95" s="422"/>
      <c r="D95" s="422"/>
      <c r="E95" s="422"/>
      <c r="F95" s="422"/>
      <c r="G95" s="422"/>
      <c r="H95" s="422"/>
      <c r="I95" s="422"/>
      <c r="J95" s="422"/>
      <c r="K95" s="422"/>
      <c r="L95" s="422"/>
      <c r="M95" s="422"/>
      <c r="N95" s="422"/>
      <c r="O95" s="422"/>
      <c r="P95" s="422"/>
      <c r="Q95" s="422"/>
      <c r="R95" s="422"/>
      <c r="S95" s="422"/>
      <c r="T95" s="422"/>
      <c r="U95" s="422"/>
      <c r="V95" s="422"/>
      <c r="W95" s="422"/>
      <c r="X95" s="422"/>
      <c r="Y95" s="423"/>
      <c r="Z95" s="76"/>
      <c r="AA95" s="76"/>
      <c r="AB95" s="76"/>
      <c r="AC95" s="76"/>
      <c r="AD95" s="76"/>
      <c r="AE95" s="76"/>
      <c r="AF95" s="76"/>
      <c r="AG95" s="460"/>
      <c r="AH95" s="460"/>
      <c r="AI95" s="460"/>
      <c r="AJ95" s="460"/>
      <c r="AK95" s="460"/>
      <c r="AL95" s="460"/>
      <c r="AM95" s="460"/>
      <c r="AN95" s="460"/>
      <c r="AO95" s="460"/>
      <c r="AP95" s="460"/>
      <c r="AQ95" s="460"/>
      <c r="AR95" s="460"/>
      <c r="AS95" s="460"/>
      <c r="AT95" s="460"/>
      <c r="AU95" s="460"/>
      <c r="AV95" s="460"/>
      <c r="AW95" s="460"/>
      <c r="AX95" s="460"/>
      <c r="AY95" s="460"/>
      <c r="AZ95" s="460"/>
      <c r="BA95" s="462" t="s">
        <v>15</v>
      </c>
      <c r="BB95" s="462"/>
      <c r="BC95" s="462"/>
      <c r="BD95" s="462"/>
      <c r="BE95" s="76"/>
      <c r="BF95" s="76"/>
      <c r="BG95" s="77"/>
      <c r="BH95" s="76"/>
      <c r="BI95" s="76"/>
      <c r="BJ95" s="73"/>
      <c r="BK95" s="438"/>
      <c r="BL95" s="438"/>
      <c r="BM95" s="438"/>
      <c r="BN95" s="438"/>
      <c r="BO95" s="438"/>
      <c r="BP95" s="438"/>
      <c r="BQ95" s="438"/>
      <c r="BR95" s="438"/>
      <c r="BS95" s="438"/>
      <c r="BT95" s="438"/>
      <c r="BU95" s="438"/>
      <c r="BV95" s="438"/>
      <c r="BW95" s="438"/>
      <c r="BX95" s="438"/>
      <c r="BY95" s="438"/>
      <c r="BZ95" s="438"/>
      <c r="CA95" s="438"/>
      <c r="CB95" s="438"/>
      <c r="CC95" s="438"/>
      <c r="CD95" s="438"/>
      <c r="CE95" s="438"/>
      <c r="CF95" s="438"/>
      <c r="CG95" s="438"/>
      <c r="CH95" s="438"/>
      <c r="CI95" s="438"/>
      <c r="CJ95" s="361"/>
      <c r="CK95" s="340"/>
      <c r="CL95" s="340"/>
      <c r="CM95" s="340"/>
      <c r="CN95" s="340"/>
      <c r="CO95" s="340"/>
      <c r="CP95" s="340"/>
      <c r="CQ95" s="340"/>
      <c r="CR95" s="347"/>
      <c r="CS95" s="350"/>
      <c r="CT95" s="340"/>
      <c r="CU95" s="340"/>
      <c r="CV95" s="340"/>
      <c r="CW95" s="340"/>
      <c r="CX95" s="340"/>
      <c r="CY95" s="340"/>
      <c r="CZ95" s="340"/>
      <c r="DA95" s="353"/>
      <c r="DB95" s="356"/>
      <c r="DC95" s="340"/>
      <c r="DD95" s="340"/>
      <c r="DE95" s="340"/>
      <c r="DF95" s="340"/>
      <c r="DG95" s="340"/>
      <c r="DH95" s="340"/>
      <c r="DI95" s="340"/>
      <c r="DJ95" s="341"/>
      <c r="DK95" s="481"/>
      <c r="DL95" s="374"/>
      <c r="DM95" s="374"/>
      <c r="DN95" s="374"/>
      <c r="DO95" s="374"/>
      <c r="DP95" s="374"/>
      <c r="DQ95" s="374"/>
      <c r="DR95" s="374"/>
      <c r="DS95" s="374"/>
      <c r="DT95" s="374"/>
      <c r="DU95" s="374"/>
      <c r="DV95" s="374"/>
      <c r="DW95" s="374"/>
      <c r="DX95" s="374"/>
      <c r="DY95" s="374"/>
      <c r="DZ95" s="458"/>
      <c r="ED95" s="485"/>
      <c r="EE95" s="486"/>
      <c r="EF95" s="486"/>
      <c r="EG95" s="486"/>
      <c r="EH95" s="486"/>
      <c r="EI95" s="487"/>
      <c r="EJ95" s="467"/>
      <c r="EK95" s="468"/>
      <c r="EL95" s="468"/>
      <c r="EM95" s="468"/>
      <c r="EN95" s="468"/>
      <c r="EO95" s="468"/>
      <c r="EP95" s="468"/>
      <c r="EQ95" s="468"/>
      <c r="ER95" s="468"/>
      <c r="ES95" s="468"/>
      <c r="ET95" s="468"/>
      <c r="EU95" s="468"/>
      <c r="EV95" s="468"/>
      <c r="EW95" s="468"/>
      <c r="EX95" s="468"/>
      <c r="EY95" s="468"/>
      <c r="EZ95" s="468"/>
      <c r="FA95" s="468"/>
      <c r="FB95" s="468"/>
      <c r="FC95" s="468"/>
      <c r="FD95" s="468"/>
      <c r="FE95" s="468"/>
      <c r="FF95" s="468"/>
      <c r="FG95" s="468"/>
      <c r="FH95" s="468"/>
      <c r="FI95" s="468"/>
      <c r="FJ95" s="468"/>
      <c r="FK95" s="469"/>
      <c r="FL95" s="467"/>
      <c r="FM95" s="468"/>
      <c r="FN95" s="468"/>
      <c r="FO95" s="468"/>
      <c r="FP95" s="468"/>
      <c r="FQ95" s="468"/>
      <c r="FR95" s="468"/>
      <c r="FS95" s="468"/>
      <c r="FT95" s="468"/>
      <c r="FU95" s="468"/>
      <c r="FV95" s="468"/>
      <c r="FW95" s="468"/>
      <c r="FX95" s="468"/>
      <c r="FY95" s="468"/>
      <c r="FZ95" s="468"/>
      <c r="GA95" s="468"/>
      <c r="GB95" s="468"/>
      <c r="GC95" s="468"/>
      <c r="GD95" s="468"/>
      <c r="GE95" s="468"/>
      <c r="GF95" s="468"/>
      <c r="GG95" s="468"/>
      <c r="GH95" s="468"/>
      <c r="GI95" s="468"/>
      <c r="GJ95" s="468"/>
      <c r="GK95" s="468"/>
      <c r="GL95" s="468"/>
      <c r="GM95" s="468"/>
      <c r="GN95" s="468"/>
      <c r="GO95" s="468"/>
      <c r="GP95" s="468"/>
      <c r="GQ95" s="468"/>
      <c r="GR95" s="468"/>
      <c r="GS95" s="468"/>
      <c r="GT95" s="468"/>
      <c r="GU95" s="468"/>
      <c r="GV95" s="468"/>
      <c r="GW95" s="468"/>
      <c r="GX95" s="468"/>
      <c r="GY95" s="468"/>
      <c r="GZ95" s="468"/>
      <c r="HA95" s="468"/>
      <c r="HB95" s="469"/>
      <c r="HC95" s="395"/>
      <c r="HD95" s="395"/>
      <c r="HE95" s="395"/>
      <c r="HF95" s="395"/>
      <c r="HG95" s="395"/>
      <c r="HH95" s="395"/>
      <c r="HI95" s="395"/>
      <c r="HJ95" s="395"/>
      <c r="HK95" s="395"/>
      <c r="HL95" s="395"/>
      <c r="HM95" s="395"/>
      <c r="HN95" s="395"/>
      <c r="HO95" s="395"/>
      <c r="HP95" s="395"/>
      <c r="HQ95" s="395"/>
    </row>
    <row r="96" spans="2:225" ht="6" customHeight="1">
      <c r="B96" s="421"/>
      <c r="C96" s="422"/>
      <c r="D96" s="422"/>
      <c r="E96" s="422"/>
      <c r="F96" s="422"/>
      <c r="G96" s="422"/>
      <c r="H96" s="422"/>
      <c r="I96" s="422"/>
      <c r="J96" s="422"/>
      <c r="K96" s="422"/>
      <c r="L96" s="422"/>
      <c r="M96" s="422"/>
      <c r="N96" s="422"/>
      <c r="O96" s="422"/>
      <c r="P96" s="422"/>
      <c r="Q96" s="422"/>
      <c r="R96" s="422"/>
      <c r="S96" s="422"/>
      <c r="T96" s="422"/>
      <c r="U96" s="422"/>
      <c r="V96" s="422"/>
      <c r="W96" s="422"/>
      <c r="X96" s="422"/>
      <c r="Y96" s="423"/>
      <c r="Z96" s="76"/>
      <c r="AA96" s="76"/>
      <c r="AB96" s="76"/>
      <c r="AC96" s="76"/>
      <c r="AD96" s="76"/>
      <c r="AE96" s="76"/>
      <c r="AF96" s="76"/>
      <c r="AG96" s="461"/>
      <c r="AH96" s="461"/>
      <c r="AI96" s="461"/>
      <c r="AJ96" s="461"/>
      <c r="AK96" s="461"/>
      <c r="AL96" s="461"/>
      <c r="AM96" s="461"/>
      <c r="AN96" s="461"/>
      <c r="AO96" s="461"/>
      <c r="AP96" s="461"/>
      <c r="AQ96" s="461"/>
      <c r="AR96" s="461"/>
      <c r="AS96" s="461"/>
      <c r="AT96" s="461"/>
      <c r="AU96" s="461"/>
      <c r="AV96" s="461"/>
      <c r="AW96" s="461"/>
      <c r="AX96" s="461"/>
      <c r="AY96" s="461"/>
      <c r="AZ96" s="461"/>
      <c r="BA96" s="463"/>
      <c r="BB96" s="463"/>
      <c r="BC96" s="463"/>
      <c r="BD96" s="463"/>
      <c r="BE96" s="76"/>
      <c r="BF96" s="76"/>
      <c r="BG96" s="77"/>
      <c r="BH96" s="76"/>
      <c r="BI96" s="76"/>
      <c r="BJ96" s="73"/>
      <c r="BK96" s="438"/>
      <c r="BL96" s="438"/>
      <c r="BM96" s="438"/>
      <c r="BN96" s="438"/>
      <c r="BO96" s="438"/>
      <c r="BP96" s="438"/>
      <c r="BQ96" s="438"/>
      <c r="BR96" s="438"/>
      <c r="BS96" s="438"/>
      <c r="BT96" s="438"/>
      <c r="BU96" s="438"/>
      <c r="BV96" s="438"/>
      <c r="BW96" s="438"/>
      <c r="BX96" s="438"/>
      <c r="BY96" s="438"/>
      <c r="BZ96" s="438"/>
      <c r="CA96" s="438"/>
      <c r="CB96" s="438"/>
      <c r="CC96" s="438"/>
      <c r="CD96" s="438"/>
      <c r="CE96" s="438"/>
      <c r="CF96" s="438"/>
      <c r="CG96" s="438"/>
      <c r="CH96" s="438"/>
      <c r="CI96" s="438"/>
      <c r="CJ96" s="361"/>
      <c r="CK96" s="340"/>
      <c r="CL96" s="340"/>
      <c r="CM96" s="340"/>
      <c r="CN96" s="340"/>
      <c r="CO96" s="340"/>
      <c r="CP96" s="340"/>
      <c r="CQ96" s="340"/>
      <c r="CR96" s="347"/>
      <c r="CS96" s="350"/>
      <c r="CT96" s="340"/>
      <c r="CU96" s="340"/>
      <c r="CV96" s="340"/>
      <c r="CW96" s="340"/>
      <c r="CX96" s="340"/>
      <c r="CY96" s="340"/>
      <c r="CZ96" s="340"/>
      <c r="DA96" s="353"/>
      <c r="DB96" s="356"/>
      <c r="DC96" s="340"/>
      <c r="DD96" s="340"/>
      <c r="DE96" s="340"/>
      <c r="DF96" s="340"/>
      <c r="DG96" s="340"/>
      <c r="DH96" s="340"/>
      <c r="DI96" s="340"/>
      <c r="DJ96" s="341"/>
      <c r="DK96" s="481"/>
      <c r="DL96" s="374"/>
      <c r="DM96" s="374"/>
      <c r="DN96" s="374"/>
      <c r="DO96" s="374"/>
      <c r="DP96" s="374"/>
      <c r="DQ96" s="374"/>
      <c r="DR96" s="374"/>
      <c r="DS96" s="374"/>
      <c r="DT96" s="374"/>
      <c r="DU96" s="374"/>
      <c r="DV96" s="374"/>
      <c r="DW96" s="374"/>
      <c r="DX96" s="374"/>
      <c r="DY96" s="374"/>
      <c r="DZ96" s="458"/>
      <c r="ED96" s="485"/>
      <c r="EE96" s="486"/>
      <c r="EF96" s="486"/>
      <c r="EG96" s="486"/>
      <c r="EH96" s="486"/>
      <c r="EI96" s="487"/>
      <c r="EJ96" s="467"/>
      <c r="EK96" s="468"/>
      <c r="EL96" s="468"/>
      <c r="EM96" s="468"/>
      <c r="EN96" s="468"/>
      <c r="EO96" s="468"/>
      <c r="EP96" s="468"/>
      <c r="EQ96" s="468"/>
      <c r="ER96" s="468"/>
      <c r="ES96" s="468"/>
      <c r="ET96" s="468"/>
      <c r="EU96" s="468"/>
      <c r="EV96" s="468"/>
      <c r="EW96" s="468"/>
      <c r="EX96" s="468"/>
      <c r="EY96" s="468"/>
      <c r="EZ96" s="468"/>
      <c r="FA96" s="468"/>
      <c r="FB96" s="468"/>
      <c r="FC96" s="468"/>
      <c r="FD96" s="468"/>
      <c r="FE96" s="468"/>
      <c r="FF96" s="468"/>
      <c r="FG96" s="468"/>
      <c r="FH96" s="468"/>
      <c r="FI96" s="468"/>
      <c r="FJ96" s="468"/>
      <c r="FK96" s="469"/>
      <c r="FL96" s="467"/>
      <c r="FM96" s="468"/>
      <c r="FN96" s="468"/>
      <c r="FO96" s="468"/>
      <c r="FP96" s="468"/>
      <c r="FQ96" s="468"/>
      <c r="FR96" s="468"/>
      <c r="FS96" s="468"/>
      <c r="FT96" s="468"/>
      <c r="FU96" s="468"/>
      <c r="FV96" s="468"/>
      <c r="FW96" s="468"/>
      <c r="FX96" s="468"/>
      <c r="FY96" s="468"/>
      <c r="FZ96" s="468"/>
      <c r="GA96" s="468"/>
      <c r="GB96" s="468"/>
      <c r="GC96" s="468"/>
      <c r="GD96" s="468"/>
      <c r="GE96" s="468"/>
      <c r="GF96" s="468"/>
      <c r="GG96" s="468"/>
      <c r="GH96" s="468"/>
      <c r="GI96" s="468"/>
      <c r="GJ96" s="468"/>
      <c r="GK96" s="468"/>
      <c r="GL96" s="468"/>
      <c r="GM96" s="468"/>
      <c r="GN96" s="468"/>
      <c r="GO96" s="468"/>
      <c r="GP96" s="468"/>
      <c r="GQ96" s="468"/>
      <c r="GR96" s="468"/>
      <c r="GS96" s="468"/>
      <c r="GT96" s="468"/>
      <c r="GU96" s="468"/>
      <c r="GV96" s="468"/>
      <c r="GW96" s="468"/>
      <c r="GX96" s="468"/>
      <c r="GY96" s="468"/>
      <c r="GZ96" s="468"/>
      <c r="HA96" s="468"/>
      <c r="HB96" s="469"/>
      <c r="HC96" s="395"/>
      <c r="HD96" s="395"/>
      <c r="HE96" s="395"/>
      <c r="HF96" s="395"/>
      <c r="HG96" s="395"/>
      <c r="HH96" s="395"/>
      <c r="HI96" s="395"/>
      <c r="HJ96" s="395"/>
      <c r="HK96" s="395"/>
      <c r="HL96" s="395"/>
      <c r="HM96" s="395"/>
      <c r="HN96" s="395"/>
      <c r="HO96" s="395"/>
      <c r="HP96" s="395"/>
      <c r="HQ96" s="395"/>
    </row>
    <row r="97" spans="2:225" ht="6" customHeight="1">
      <c r="B97" s="424"/>
      <c r="C97" s="425"/>
      <c r="D97" s="425"/>
      <c r="E97" s="425"/>
      <c r="F97" s="425"/>
      <c r="G97" s="425"/>
      <c r="H97" s="425"/>
      <c r="I97" s="425"/>
      <c r="J97" s="425"/>
      <c r="K97" s="425"/>
      <c r="L97" s="425"/>
      <c r="M97" s="425"/>
      <c r="N97" s="425"/>
      <c r="O97" s="425"/>
      <c r="P97" s="425"/>
      <c r="Q97" s="425"/>
      <c r="R97" s="425"/>
      <c r="S97" s="425"/>
      <c r="T97" s="425"/>
      <c r="U97" s="425"/>
      <c r="V97" s="425"/>
      <c r="W97" s="425"/>
      <c r="X97" s="425"/>
      <c r="Y97" s="426"/>
      <c r="Z97" s="81"/>
      <c r="AA97" s="81"/>
      <c r="AB97" s="81"/>
      <c r="AC97" s="81"/>
      <c r="AD97" s="81"/>
      <c r="AE97" s="81"/>
      <c r="AF97" s="81"/>
      <c r="AG97" s="81"/>
      <c r="AH97" s="81"/>
      <c r="AI97" s="81"/>
      <c r="AJ97" s="81"/>
      <c r="AK97" s="81"/>
      <c r="AL97" s="81"/>
      <c r="AM97" s="81"/>
      <c r="AN97" s="81"/>
      <c r="AO97" s="81"/>
      <c r="AP97" s="81"/>
      <c r="AQ97" s="81"/>
      <c r="AR97" s="81"/>
      <c r="AS97" s="81"/>
      <c r="AT97" s="81"/>
      <c r="AU97" s="81"/>
      <c r="AV97" s="81"/>
      <c r="AW97" s="81"/>
      <c r="AX97" s="81"/>
      <c r="AY97" s="81"/>
      <c r="AZ97" s="81"/>
      <c r="BA97" s="81"/>
      <c r="BB97" s="81"/>
      <c r="BC97" s="81"/>
      <c r="BD97" s="81"/>
      <c r="BE97" s="81"/>
      <c r="BF97" s="81"/>
      <c r="BG97" s="82"/>
      <c r="BH97" s="76"/>
      <c r="BI97" s="76"/>
      <c r="BJ97" s="73"/>
      <c r="BK97" s="455"/>
      <c r="BL97" s="455"/>
      <c r="BM97" s="455"/>
      <c r="BN97" s="455"/>
      <c r="BO97" s="455"/>
      <c r="BP97" s="455"/>
      <c r="BQ97" s="455"/>
      <c r="BR97" s="455"/>
      <c r="BS97" s="455"/>
      <c r="BT97" s="455"/>
      <c r="BU97" s="455"/>
      <c r="BV97" s="455"/>
      <c r="BW97" s="455"/>
      <c r="BX97" s="455"/>
      <c r="BY97" s="455"/>
      <c r="BZ97" s="455"/>
      <c r="CA97" s="455"/>
      <c r="CB97" s="455"/>
      <c r="CC97" s="455"/>
      <c r="CD97" s="455"/>
      <c r="CE97" s="455"/>
      <c r="CF97" s="455"/>
      <c r="CG97" s="455"/>
      <c r="CH97" s="455"/>
      <c r="CI97" s="455"/>
      <c r="CJ97" s="473"/>
      <c r="CK97" s="474"/>
      <c r="CL97" s="474"/>
      <c r="CM97" s="474"/>
      <c r="CN97" s="474"/>
      <c r="CO97" s="474"/>
      <c r="CP97" s="474"/>
      <c r="CQ97" s="474"/>
      <c r="CR97" s="475"/>
      <c r="CS97" s="476"/>
      <c r="CT97" s="474"/>
      <c r="CU97" s="474"/>
      <c r="CV97" s="474"/>
      <c r="CW97" s="474"/>
      <c r="CX97" s="474"/>
      <c r="CY97" s="474"/>
      <c r="CZ97" s="474"/>
      <c r="DA97" s="477"/>
      <c r="DB97" s="478"/>
      <c r="DC97" s="474"/>
      <c r="DD97" s="474"/>
      <c r="DE97" s="474"/>
      <c r="DF97" s="474"/>
      <c r="DG97" s="474"/>
      <c r="DH97" s="474"/>
      <c r="DI97" s="474"/>
      <c r="DJ97" s="480"/>
      <c r="DK97" s="481"/>
      <c r="DL97" s="374"/>
      <c r="DM97" s="374"/>
      <c r="DN97" s="374"/>
      <c r="DO97" s="374"/>
      <c r="DP97" s="374"/>
      <c r="DQ97" s="374"/>
      <c r="DR97" s="374"/>
      <c r="DS97" s="374"/>
      <c r="DT97" s="374"/>
      <c r="DU97" s="374"/>
      <c r="DV97" s="374"/>
      <c r="DW97" s="374"/>
      <c r="DX97" s="374"/>
      <c r="DY97" s="374"/>
      <c r="DZ97" s="458"/>
      <c r="ED97" s="488"/>
      <c r="EE97" s="489"/>
      <c r="EF97" s="489"/>
      <c r="EG97" s="489"/>
      <c r="EH97" s="489"/>
      <c r="EI97" s="490"/>
      <c r="EJ97" s="470"/>
      <c r="EK97" s="471"/>
      <c r="EL97" s="471"/>
      <c r="EM97" s="471"/>
      <c r="EN97" s="471"/>
      <c r="EO97" s="471"/>
      <c r="EP97" s="471"/>
      <c r="EQ97" s="471"/>
      <c r="ER97" s="471"/>
      <c r="ES97" s="471"/>
      <c r="ET97" s="471"/>
      <c r="EU97" s="471"/>
      <c r="EV97" s="471"/>
      <c r="EW97" s="471"/>
      <c r="EX97" s="471"/>
      <c r="EY97" s="471"/>
      <c r="EZ97" s="471"/>
      <c r="FA97" s="471"/>
      <c r="FB97" s="471"/>
      <c r="FC97" s="471"/>
      <c r="FD97" s="471"/>
      <c r="FE97" s="471"/>
      <c r="FF97" s="471"/>
      <c r="FG97" s="471"/>
      <c r="FH97" s="471"/>
      <c r="FI97" s="471"/>
      <c r="FJ97" s="471"/>
      <c r="FK97" s="472"/>
      <c r="FL97" s="470"/>
      <c r="FM97" s="471"/>
      <c r="FN97" s="471"/>
      <c r="FO97" s="471"/>
      <c r="FP97" s="471"/>
      <c r="FQ97" s="471"/>
      <c r="FR97" s="471"/>
      <c r="FS97" s="471"/>
      <c r="FT97" s="471"/>
      <c r="FU97" s="471"/>
      <c r="FV97" s="471"/>
      <c r="FW97" s="471"/>
      <c r="FX97" s="471"/>
      <c r="FY97" s="471"/>
      <c r="FZ97" s="471"/>
      <c r="GA97" s="471"/>
      <c r="GB97" s="471"/>
      <c r="GC97" s="471"/>
      <c r="GD97" s="471"/>
      <c r="GE97" s="471"/>
      <c r="GF97" s="471"/>
      <c r="GG97" s="471"/>
      <c r="GH97" s="471"/>
      <c r="GI97" s="471"/>
      <c r="GJ97" s="471"/>
      <c r="GK97" s="471"/>
      <c r="GL97" s="471"/>
      <c r="GM97" s="471"/>
      <c r="GN97" s="471"/>
      <c r="GO97" s="471"/>
      <c r="GP97" s="471"/>
      <c r="GQ97" s="471"/>
      <c r="GR97" s="471"/>
      <c r="GS97" s="471"/>
      <c r="GT97" s="471"/>
      <c r="GU97" s="471"/>
      <c r="GV97" s="471"/>
      <c r="GW97" s="471"/>
      <c r="GX97" s="471"/>
      <c r="GY97" s="471"/>
      <c r="GZ97" s="471"/>
      <c r="HA97" s="471"/>
      <c r="HB97" s="472"/>
      <c r="HC97" s="395"/>
      <c r="HD97" s="395"/>
      <c r="HE97" s="395"/>
      <c r="HF97" s="395"/>
      <c r="HG97" s="395"/>
      <c r="HH97" s="395"/>
      <c r="HI97" s="395"/>
      <c r="HJ97" s="395"/>
      <c r="HK97" s="395"/>
      <c r="HL97" s="395"/>
      <c r="HM97" s="395"/>
      <c r="HN97" s="395"/>
      <c r="HO97" s="395"/>
      <c r="HP97" s="395"/>
      <c r="HQ97" s="395"/>
    </row>
    <row r="98" spans="2:225" ht="6" customHeight="1"/>
  </sheetData>
  <mergeCells count="356">
    <mergeCell ref="DZ94:DZ97"/>
    <mergeCell ref="AG95:AZ96"/>
    <mergeCell ref="BA95:BD96"/>
    <mergeCell ref="FL90:HB97"/>
    <mergeCell ref="HC90:HQ97"/>
    <mergeCell ref="BK94:CI97"/>
    <mergeCell ref="CJ94:CL97"/>
    <mergeCell ref="CM94:CO97"/>
    <mergeCell ref="CP94:CR97"/>
    <mergeCell ref="CS94:CU97"/>
    <mergeCell ref="CV94:CX97"/>
    <mergeCell ref="CY94:DA97"/>
    <mergeCell ref="DB94:DD97"/>
    <mergeCell ref="DE90:DG93"/>
    <mergeCell ref="DH90:DJ93"/>
    <mergeCell ref="DK90:DK93"/>
    <mergeCell ref="DL90:DY93"/>
    <mergeCell ref="DZ90:DZ93"/>
    <mergeCell ref="EJ90:FK97"/>
    <mergeCell ref="DE94:DG97"/>
    <mergeCell ref="DH94:DJ97"/>
    <mergeCell ref="DK94:DK97"/>
    <mergeCell ref="DL94:DY97"/>
    <mergeCell ref="ED88:EI97"/>
    <mergeCell ref="EJ88:FK89"/>
    <mergeCell ref="FL88:HB89"/>
    <mergeCell ref="HC88:HQ89"/>
    <mergeCell ref="AC90:AF91"/>
    <mergeCell ref="AI90:AZ91"/>
    <mergeCell ref="BK90:CI93"/>
    <mergeCell ref="CJ90:CL93"/>
    <mergeCell ref="CM90:CO93"/>
    <mergeCell ref="CP90:CR93"/>
    <mergeCell ref="DE86:DG89"/>
    <mergeCell ref="DH86:DJ89"/>
    <mergeCell ref="DK86:DK89"/>
    <mergeCell ref="DL86:DY89"/>
    <mergeCell ref="DZ86:DZ89"/>
    <mergeCell ref="B88:Y97"/>
    <mergeCell ref="CS90:CU93"/>
    <mergeCell ref="CV90:CX93"/>
    <mergeCell ref="CY90:DA93"/>
    <mergeCell ref="DB90:DD93"/>
    <mergeCell ref="FH83:FH86"/>
    <mergeCell ref="FI83:GL86"/>
    <mergeCell ref="BK86:CI89"/>
    <mergeCell ref="CJ86:CL89"/>
    <mergeCell ref="CM86:CO89"/>
    <mergeCell ref="CP86:CR89"/>
    <mergeCell ref="CS86:CU89"/>
    <mergeCell ref="CV86:CX89"/>
    <mergeCell ref="CY86:DA89"/>
    <mergeCell ref="DB86:DD89"/>
    <mergeCell ref="DH82:DJ85"/>
    <mergeCell ref="DK82:DK85"/>
    <mergeCell ref="DL82:DY85"/>
    <mergeCell ref="DZ82:DZ85"/>
    <mergeCell ref="EJ83:EJ86"/>
    <mergeCell ref="EK83:FG86"/>
    <mergeCell ref="CP82:CR85"/>
    <mergeCell ref="CS82:CU85"/>
    <mergeCell ref="CV82:CX85"/>
    <mergeCell ref="FH75:FH78"/>
    <mergeCell ref="FI75:GL78"/>
    <mergeCell ref="CY82:DA85"/>
    <mergeCell ref="DB82:DD85"/>
    <mergeCell ref="DE82:DG85"/>
    <mergeCell ref="BJ82:BJ85"/>
    <mergeCell ref="BK82:BK85"/>
    <mergeCell ref="BL82:CH85"/>
    <mergeCell ref="CI82:CI85"/>
    <mergeCell ref="CJ82:CL85"/>
    <mergeCell ref="CM82:CO85"/>
    <mergeCell ref="DK74:DK77"/>
    <mergeCell ref="DL74:DY77"/>
    <mergeCell ref="DK78:DK81"/>
    <mergeCell ref="DL78:DY81"/>
    <mergeCell ref="CS74:CU77"/>
    <mergeCell ref="CV74:CX77"/>
    <mergeCell ref="CY74:DA77"/>
    <mergeCell ref="DB74:DD77"/>
    <mergeCell ref="DE74:DG77"/>
    <mergeCell ref="DH74:DJ77"/>
    <mergeCell ref="DB78:DD81"/>
    <mergeCell ref="DE78:DG81"/>
    <mergeCell ref="DH78:DJ81"/>
    <mergeCell ref="B82:G85"/>
    <mergeCell ref="H82:M85"/>
    <mergeCell ref="N82:S85"/>
    <mergeCell ref="T82:Y85"/>
    <mergeCell ref="Z82:Z85"/>
    <mergeCell ref="AA82:BI85"/>
    <mergeCell ref="CS78:CU81"/>
    <mergeCell ref="CV78:CX81"/>
    <mergeCell ref="CY78:DA81"/>
    <mergeCell ref="BK78:BK81"/>
    <mergeCell ref="BL78:CH81"/>
    <mergeCell ref="CI78:CI81"/>
    <mergeCell ref="CJ78:CL81"/>
    <mergeCell ref="CM78:CO81"/>
    <mergeCell ref="CP78:CR81"/>
    <mergeCell ref="B78:G81"/>
    <mergeCell ref="H78:M81"/>
    <mergeCell ref="N78:S81"/>
    <mergeCell ref="T78:Y81"/>
    <mergeCell ref="Z78:Z81"/>
    <mergeCell ref="AA78:BI81"/>
    <mergeCell ref="BJ78:BJ81"/>
    <mergeCell ref="BK74:BK77"/>
    <mergeCell ref="BL74:CH77"/>
    <mergeCell ref="CI74:CI77"/>
    <mergeCell ref="CJ74:CL77"/>
    <mergeCell ref="CM74:CO77"/>
    <mergeCell ref="CP74:CR77"/>
    <mergeCell ref="GP70:GP73"/>
    <mergeCell ref="GQ70:HP73"/>
    <mergeCell ref="HQ70:HQ73"/>
    <mergeCell ref="DL70:DY73"/>
    <mergeCell ref="DZ70:DZ73"/>
    <mergeCell ref="ED70:FM73"/>
    <mergeCell ref="FN70:GO73"/>
    <mergeCell ref="HC77:HQ78"/>
    <mergeCell ref="DZ74:DZ77"/>
    <mergeCell ref="EE75:EH86"/>
    <mergeCell ref="EJ75:EJ78"/>
    <mergeCell ref="EK75:FG78"/>
    <mergeCell ref="DZ78:DZ81"/>
    <mergeCell ref="EJ79:EJ82"/>
    <mergeCell ref="EK79:FG82"/>
    <mergeCell ref="FH79:FH82"/>
    <mergeCell ref="FI79:GL82"/>
    <mergeCell ref="HC79:HQ86"/>
    <mergeCell ref="B74:G77"/>
    <mergeCell ref="H74:M77"/>
    <mergeCell ref="N74:S77"/>
    <mergeCell ref="T74:Y77"/>
    <mergeCell ref="Z74:Z77"/>
    <mergeCell ref="AA74:BI77"/>
    <mergeCell ref="BJ74:BJ77"/>
    <mergeCell ref="DH70:DJ73"/>
    <mergeCell ref="DK70:DK73"/>
    <mergeCell ref="CP70:CR73"/>
    <mergeCell ref="CS70:CU73"/>
    <mergeCell ref="CV70:CX73"/>
    <mergeCell ref="CY70:DA73"/>
    <mergeCell ref="DB70:DD73"/>
    <mergeCell ref="DE70:DG73"/>
    <mergeCell ref="BJ70:BJ73"/>
    <mergeCell ref="BK70:BK73"/>
    <mergeCell ref="BL70:CH73"/>
    <mergeCell ref="CI70:CI73"/>
    <mergeCell ref="CJ70:CL73"/>
    <mergeCell ref="CM70:CO73"/>
    <mergeCell ref="B70:G73"/>
    <mergeCell ref="H70:M73"/>
    <mergeCell ref="N70:S73"/>
    <mergeCell ref="T70:Y73"/>
    <mergeCell ref="Z70:Z73"/>
    <mergeCell ref="AA70:BI73"/>
    <mergeCell ref="ED66:FM69"/>
    <mergeCell ref="FN66:GO69"/>
    <mergeCell ref="GP66:GP69"/>
    <mergeCell ref="GQ66:HP69"/>
    <mergeCell ref="HQ66:HQ69"/>
    <mergeCell ref="B68:Y69"/>
    <mergeCell ref="Z68:BJ69"/>
    <mergeCell ref="BK68:CI69"/>
    <mergeCell ref="CJ68:DJ69"/>
    <mergeCell ref="DK68:DZ69"/>
    <mergeCell ref="DI62:DT65"/>
    <mergeCell ref="DU62:EF65"/>
    <mergeCell ref="EG62:EU65"/>
    <mergeCell ref="EV62:FM65"/>
    <mergeCell ref="FN62:GO65"/>
    <mergeCell ref="GP62:HQ65"/>
    <mergeCell ref="B62:H65"/>
    <mergeCell ref="I62:O65"/>
    <mergeCell ref="P62:P65"/>
    <mergeCell ref="Q62:CG65"/>
    <mergeCell ref="CH62:CH65"/>
    <mergeCell ref="CI62:DH65"/>
    <mergeCell ref="DI58:DT61"/>
    <mergeCell ref="DU58:EF61"/>
    <mergeCell ref="EG58:EU61"/>
    <mergeCell ref="EV58:FM61"/>
    <mergeCell ref="FN58:GO61"/>
    <mergeCell ref="GP58:HQ61"/>
    <mergeCell ref="B58:H61"/>
    <mergeCell ref="I58:O61"/>
    <mergeCell ref="P58:P61"/>
    <mergeCell ref="Q58:CG61"/>
    <mergeCell ref="CH58:CH61"/>
    <mergeCell ref="CI58:DH61"/>
    <mergeCell ref="DI54:DT57"/>
    <mergeCell ref="DU54:EF57"/>
    <mergeCell ref="EG54:EU57"/>
    <mergeCell ref="EV54:FM57"/>
    <mergeCell ref="FN54:GO57"/>
    <mergeCell ref="GP54:HQ57"/>
    <mergeCell ref="B54:H57"/>
    <mergeCell ref="I54:O57"/>
    <mergeCell ref="P54:P57"/>
    <mergeCell ref="Q54:CG57"/>
    <mergeCell ref="CH54:CH57"/>
    <mergeCell ref="CI54:DH57"/>
    <mergeCell ref="DI50:DT53"/>
    <mergeCell ref="DU50:EF53"/>
    <mergeCell ref="EG50:EU53"/>
    <mergeCell ref="EV50:FM53"/>
    <mergeCell ref="FN50:GO53"/>
    <mergeCell ref="GP50:HQ53"/>
    <mergeCell ref="B50:H53"/>
    <mergeCell ref="I50:O53"/>
    <mergeCell ref="P50:P53"/>
    <mergeCell ref="Q50:CG53"/>
    <mergeCell ref="CH50:CH53"/>
    <mergeCell ref="CI50:DH53"/>
    <mergeCell ref="DI46:DT49"/>
    <mergeCell ref="DU46:EF49"/>
    <mergeCell ref="EG46:EU49"/>
    <mergeCell ref="EV46:FM49"/>
    <mergeCell ref="FN46:GO49"/>
    <mergeCell ref="GP46:HQ49"/>
    <mergeCell ref="B46:H49"/>
    <mergeCell ref="I46:O49"/>
    <mergeCell ref="P46:P49"/>
    <mergeCell ref="Q46:CG49"/>
    <mergeCell ref="CH46:CH49"/>
    <mergeCell ref="CI46:DH49"/>
    <mergeCell ref="DI42:DT45"/>
    <mergeCell ref="DU42:EF45"/>
    <mergeCell ref="EG42:EU45"/>
    <mergeCell ref="EV42:FM45"/>
    <mergeCell ref="FN42:GO45"/>
    <mergeCell ref="GP42:HQ45"/>
    <mergeCell ref="B42:H45"/>
    <mergeCell ref="I42:O45"/>
    <mergeCell ref="P42:P45"/>
    <mergeCell ref="Q42:CG45"/>
    <mergeCell ref="CH42:CH45"/>
    <mergeCell ref="CI42:DH45"/>
    <mergeCell ref="DI38:DT41"/>
    <mergeCell ref="DU38:EF41"/>
    <mergeCell ref="EG38:EU41"/>
    <mergeCell ref="EV38:FM41"/>
    <mergeCell ref="FN38:GO41"/>
    <mergeCell ref="GP38:HQ41"/>
    <mergeCell ref="EG35:EU37"/>
    <mergeCell ref="EV35:FM37"/>
    <mergeCell ref="FN35:GO37"/>
    <mergeCell ref="GP35:HQ37"/>
    <mergeCell ref="DI35:DT37"/>
    <mergeCell ref="DU35:EF37"/>
    <mergeCell ref="B38:H41"/>
    <mergeCell ref="I38:O41"/>
    <mergeCell ref="P38:P41"/>
    <mergeCell ref="Q38:CG41"/>
    <mergeCell ref="CH38:CH41"/>
    <mergeCell ref="CI38:DH41"/>
    <mergeCell ref="B35:H37"/>
    <mergeCell ref="I35:O37"/>
    <mergeCell ref="P35:CH37"/>
    <mergeCell ref="CI35:DH37"/>
    <mergeCell ref="BB26:BB28"/>
    <mergeCell ref="BD26:BY28"/>
    <mergeCell ref="CC27:CS28"/>
    <mergeCell ref="CA25:FF26"/>
    <mergeCell ref="GW29:HQ30"/>
    <mergeCell ref="C30:Q32"/>
    <mergeCell ref="CA31:CU33"/>
    <mergeCell ref="CV31:DP33"/>
    <mergeCell ref="DQ31:EK33"/>
    <mergeCell ref="EL31:FF33"/>
    <mergeCell ref="FG31:GA33"/>
    <mergeCell ref="GB31:GV33"/>
    <mergeCell ref="GW31:HQ33"/>
    <mergeCell ref="CA29:CU30"/>
    <mergeCell ref="CV29:DP30"/>
    <mergeCell ref="DQ29:EK30"/>
    <mergeCell ref="EL29:FF30"/>
    <mergeCell ref="FG29:GA30"/>
    <mergeCell ref="GB29:GV30"/>
    <mergeCell ref="C27:Q29"/>
    <mergeCell ref="S29:AD33"/>
    <mergeCell ref="AE29:AP33"/>
    <mergeCell ref="AQ29:BB33"/>
    <mergeCell ref="BD29:BY33"/>
    <mergeCell ref="HI15:HN18"/>
    <mergeCell ref="B18:B23"/>
    <mergeCell ref="C18:Q23"/>
    <mergeCell ref="R18:R23"/>
    <mergeCell ref="S18:BM19"/>
    <mergeCell ref="BQ18:BQ23"/>
    <mergeCell ref="BR18:CB23"/>
    <mergeCell ref="CD14:DE17"/>
    <mergeCell ref="DF14:DF17"/>
    <mergeCell ref="DG14:DQ17"/>
    <mergeCell ref="DR14:DR17"/>
    <mergeCell ref="DS14:DS17"/>
    <mergeCell ref="DT14:EI17"/>
    <mergeCell ref="AX13:BA16"/>
    <mergeCell ref="BB13:BI16"/>
    <mergeCell ref="BJ13:BM16"/>
    <mergeCell ref="GN21:GQ23"/>
    <mergeCell ref="GR21:HF23"/>
    <mergeCell ref="CC18:CC23"/>
    <mergeCell ref="CD18:CD23"/>
    <mergeCell ref="CE18:EI23"/>
    <mergeCell ref="EJ18:EJ23"/>
    <mergeCell ref="S20:BM23"/>
    <mergeCell ref="EP21:FB23"/>
    <mergeCell ref="HG21:HG23"/>
    <mergeCell ref="FF21:FI23"/>
    <mergeCell ref="FJ21:FX23"/>
    <mergeCell ref="FY21:GB23"/>
    <mergeCell ref="GC21:GM23"/>
    <mergeCell ref="EP11:FB14"/>
    <mergeCell ref="FF11:HE14"/>
    <mergeCell ref="FF15:HE18"/>
    <mergeCell ref="B26:B30"/>
    <mergeCell ref="R26:R30"/>
    <mergeCell ref="S26:S28"/>
    <mergeCell ref="T26:AC28"/>
    <mergeCell ref="AD26:AD28"/>
    <mergeCell ref="AE26:AE28"/>
    <mergeCell ref="AF26:AO28"/>
    <mergeCell ref="AP26:AP28"/>
    <mergeCell ref="CX27:DN28"/>
    <mergeCell ref="DS27:EI28"/>
    <mergeCell ref="EM27:FE28"/>
    <mergeCell ref="FH27:FZ28"/>
    <mergeCell ref="GD27:GT28"/>
    <mergeCell ref="GY27:HO28"/>
    <mergeCell ref="AQ26:AQ28"/>
    <mergeCell ref="AR26:BA28"/>
    <mergeCell ref="B13:B16"/>
    <mergeCell ref="C13:Q16"/>
    <mergeCell ref="R13:R16"/>
    <mergeCell ref="S13:Y16"/>
    <mergeCell ref="Z13:AK16"/>
    <mergeCell ref="AL13:AO16"/>
    <mergeCell ref="AP13:AW16"/>
    <mergeCell ref="EJ14:EJ17"/>
    <mergeCell ref="EP15:FB18"/>
    <mergeCell ref="BQ14:BQ17"/>
    <mergeCell ref="BR14:CB17"/>
    <mergeCell ref="CC14:CC17"/>
    <mergeCell ref="C7:BC10"/>
    <mergeCell ref="CI1:EJ3"/>
    <mergeCell ref="EN4:EO7"/>
    <mergeCell ref="EP4:FB7"/>
    <mergeCell ref="FC4:FD7"/>
    <mergeCell ref="FE4:GM7"/>
    <mergeCell ref="EP8:FB10"/>
    <mergeCell ref="FF8:HE10"/>
    <mergeCell ref="BF9:BM10"/>
  </mergeCells>
  <phoneticPr fontId="3"/>
  <dataValidations count="3">
    <dataValidation type="list" showInputMessage="1" sqref="S29 JO29 TK29 ADG29 ANC29 AWY29 BGU29 BQQ29 CAM29 CKI29 CUE29 DEA29 DNW29 DXS29 EHO29 ERK29 FBG29 FLC29 FUY29 GEU29 GOQ29 GYM29 HII29 HSE29 ICA29 ILW29 IVS29 JFO29 JPK29 JZG29 KJC29 KSY29 LCU29 LMQ29 LWM29 MGI29 MQE29 NAA29 NJW29 NTS29 ODO29 ONK29 OXG29 PHC29 PQY29 QAU29 QKQ29 QUM29 REI29 ROE29 RYA29 SHW29 SRS29 TBO29 TLK29 TVG29 UFC29 UOY29 UYU29 VIQ29 VSM29 WCI29 WME29 WWA29 S65565 JO65565 TK65565 ADG65565 ANC65565 AWY65565 BGU65565 BQQ65565 CAM65565 CKI65565 CUE65565 DEA65565 DNW65565 DXS65565 EHO65565 ERK65565 FBG65565 FLC65565 FUY65565 GEU65565 GOQ65565 GYM65565 HII65565 HSE65565 ICA65565 ILW65565 IVS65565 JFO65565 JPK65565 JZG65565 KJC65565 KSY65565 LCU65565 LMQ65565 LWM65565 MGI65565 MQE65565 NAA65565 NJW65565 NTS65565 ODO65565 ONK65565 OXG65565 PHC65565 PQY65565 QAU65565 QKQ65565 QUM65565 REI65565 ROE65565 RYA65565 SHW65565 SRS65565 TBO65565 TLK65565 TVG65565 UFC65565 UOY65565 UYU65565 VIQ65565 VSM65565 WCI65565 WME65565 WWA65565 S131101 JO131101 TK131101 ADG131101 ANC131101 AWY131101 BGU131101 BQQ131101 CAM131101 CKI131101 CUE131101 DEA131101 DNW131101 DXS131101 EHO131101 ERK131101 FBG131101 FLC131101 FUY131101 GEU131101 GOQ131101 GYM131101 HII131101 HSE131101 ICA131101 ILW131101 IVS131101 JFO131101 JPK131101 JZG131101 KJC131101 KSY131101 LCU131101 LMQ131101 LWM131101 MGI131101 MQE131101 NAA131101 NJW131101 NTS131101 ODO131101 ONK131101 OXG131101 PHC131101 PQY131101 QAU131101 QKQ131101 QUM131101 REI131101 ROE131101 RYA131101 SHW131101 SRS131101 TBO131101 TLK131101 TVG131101 UFC131101 UOY131101 UYU131101 VIQ131101 VSM131101 WCI131101 WME131101 WWA131101 S196637 JO196637 TK196637 ADG196637 ANC196637 AWY196637 BGU196637 BQQ196637 CAM196637 CKI196637 CUE196637 DEA196637 DNW196637 DXS196637 EHO196637 ERK196637 FBG196637 FLC196637 FUY196637 GEU196637 GOQ196637 GYM196637 HII196637 HSE196637 ICA196637 ILW196637 IVS196637 JFO196637 JPK196637 JZG196637 KJC196637 KSY196637 LCU196637 LMQ196637 LWM196637 MGI196637 MQE196637 NAA196637 NJW196637 NTS196637 ODO196637 ONK196637 OXG196637 PHC196637 PQY196637 QAU196637 QKQ196637 QUM196637 REI196637 ROE196637 RYA196637 SHW196637 SRS196637 TBO196637 TLK196637 TVG196637 UFC196637 UOY196637 UYU196637 VIQ196637 VSM196637 WCI196637 WME196637 WWA196637 S262173 JO262173 TK262173 ADG262173 ANC262173 AWY262173 BGU262173 BQQ262173 CAM262173 CKI262173 CUE262173 DEA262173 DNW262173 DXS262173 EHO262173 ERK262173 FBG262173 FLC262173 FUY262173 GEU262173 GOQ262173 GYM262173 HII262173 HSE262173 ICA262173 ILW262173 IVS262173 JFO262173 JPK262173 JZG262173 KJC262173 KSY262173 LCU262173 LMQ262173 LWM262173 MGI262173 MQE262173 NAA262173 NJW262173 NTS262173 ODO262173 ONK262173 OXG262173 PHC262173 PQY262173 QAU262173 QKQ262173 QUM262173 REI262173 ROE262173 RYA262173 SHW262173 SRS262173 TBO262173 TLK262173 TVG262173 UFC262173 UOY262173 UYU262173 VIQ262173 VSM262173 WCI262173 WME262173 WWA262173 S327709 JO327709 TK327709 ADG327709 ANC327709 AWY327709 BGU327709 BQQ327709 CAM327709 CKI327709 CUE327709 DEA327709 DNW327709 DXS327709 EHO327709 ERK327709 FBG327709 FLC327709 FUY327709 GEU327709 GOQ327709 GYM327709 HII327709 HSE327709 ICA327709 ILW327709 IVS327709 JFO327709 JPK327709 JZG327709 KJC327709 KSY327709 LCU327709 LMQ327709 LWM327709 MGI327709 MQE327709 NAA327709 NJW327709 NTS327709 ODO327709 ONK327709 OXG327709 PHC327709 PQY327709 QAU327709 QKQ327709 QUM327709 REI327709 ROE327709 RYA327709 SHW327709 SRS327709 TBO327709 TLK327709 TVG327709 UFC327709 UOY327709 UYU327709 VIQ327709 VSM327709 WCI327709 WME327709 WWA327709 S393245 JO393245 TK393245 ADG393245 ANC393245 AWY393245 BGU393245 BQQ393245 CAM393245 CKI393245 CUE393245 DEA393245 DNW393245 DXS393245 EHO393245 ERK393245 FBG393245 FLC393245 FUY393245 GEU393245 GOQ393245 GYM393245 HII393245 HSE393245 ICA393245 ILW393245 IVS393245 JFO393245 JPK393245 JZG393245 KJC393245 KSY393245 LCU393245 LMQ393245 LWM393245 MGI393245 MQE393245 NAA393245 NJW393245 NTS393245 ODO393245 ONK393245 OXG393245 PHC393245 PQY393245 QAU393245 QKQ393245 QUM393245 REI393245 ROE393245 RYA393245 SHW393245 SRS393245 TBO393245 TLK393245 TVG393245 UFC393245 UOY393245 UYU393245 VIQ393245 VSM393245 WCI393245 WME393245 WWA393245 S458781 JO458781 TK458781 ADG458781 ANC458781 AWY458781 BGU458781 BQQ458781 CAM458781 CKI458781 CUE458781 DEA458781 DNW458781 DXS458781 EHO458781 ERK458781 FBG458781 FLC458781 FUY458781 GEU458781 GOQ458781 GYM458781 HII458781 HSE458781 ICA458781 ILW458781 IVS458781 JFO458781 JPK458781 JZG458781 KJC458781 KSY458781 LCU458781 LMQ458781 LWM458781 MGI458781 MQE458781 NAA458781 NJW458781 NTS458781 ODO458781 ONK458781 OXG458781 PHC458781 PQY458781 QAU458781 QKQ458781 QUM458781 REI458781 ROE458781 RYA458781 SHW458781 SRS458781 TBO458781 TLK458781 TVG458781 UFC458781 UOY458781 UYU458781 VIQ458781 VSM458781 WCI458781 WME458781 WWA458781 S524317 JO524317 TK524317 ADG524317 ANC524317 AWY524317 BGU524317 BQQ524317 CAM524317 CKI524317 CUE524317 DEA524317 DNW524317 DXS524317 EHO524317 ERK524317 FBG524317 FLC524317 FUY524317 GEU524317 GOQ524317 GYM524317 HII524317 HSE524317 ICA524317 ILW524317 IVS524317 JFO524317 JPK524317 JZG524317 KJC524317 KSY524317 LCU524317 LMQ524317 LWM524317 MGI524317 MQE524317 NAA524317 NJW524317 NTS524317 ODO524317 ONK524317 OXG524317 PHC524317 PQY524317 QAU524317 QKQ524317 QUM524317 REI524317 ROE524317 RYA524317 SHW524317 SRS524317 TBO524317 TLK524317 TVG524317 UFC524317 UOY524317 UYU524317 VIQ524317 VSM524317 WCI524317 WME524317 WWA524317 S589853 JO589853 TK589853 ADG589853 ANC589853 AWY589853 BGU589853 BQQ589853 CAM589853 CKI589853 CUE589853 DEA589853 DNW589853 DXS589853 EHO589853 ERK589853 FBG589853 FLC589853 FUY589853 GEU589853 GOQ589853 GYM589853 HII589853 HSE589853 ICA589853 ILW589853 IVS589853 JFO589853 JPK589853 JZG589853 KJC589853 KSY589853 LCU589853 LMQ589853 LWM589853 MGI589853 MQE589853 NAA589853 NJW589853 NTS589853 ODO589853 ONK589853 OXG589853 PHC589853 PQY589853 QAU589853 QKQ589853 QUM589853 REI589853 ROE589853 RYA589853 SHW589853 SRS589853 TBO589853 TLK589853 TVG589853 UFC589853 UOY589853 UYU589853 VIQ589853 VSM589853 WCI589853 WME589853 WWA589853 S655389 JO655389 TK655389 ADG655389 ANC655389 AWY655389 BGU655389 BQQ655389 CAM655389 CKI655389 CUE655389 DEA655389 DNW655389 DXS655389 EHO655389 ERK655389 FBG655389 FLC655389 FUY655389 GEU655389 GOQ655389 GYM655389 HII655389 HSE655389 ICA655389 ILW655389 IVS655389 JFO655389 JPK655389 JZG655389 KJC655389 KSY655389 LCU655389 LMQ655389 LWM655389 MGI655389 MQE655389 NAA655389 NJW655389 NTS655389 ODO655389 ONK655389 OXG655389 PHC655389 PQY655389 QAU655389 QKQ655389 QUM655389 REI655389 ROE655389 RYA655389 SHW655389 SRS655389 TBO655389 TLK655389 TVG655389 UFC655389 UOY655389 UYU655389 VIQ655389 VSM655389 WCI655389 WME655389 WWA655389 S720925 JO720925 TK720925 ADG720925 ANC720925 AWY720925 BGU720925 BQQ720925 CAM720925 CKI720925 CUE720925 DEA720925 DNW720925 DXS720925 EHO720925 ERK720925 FBG720925 FLC720925 FUY720925 GEU720925 GOQ720925 GYM720925 HII720925 HSE720925 ICA720925 ILW720925 IVS720925 JFO720925 JPK720925 JZG720925 KJC720925 KSY720925 LCU720925 LMQ720925 LWM720925 MGI720925 MQE720925 NAA720925 NJW720925 NTS720925 ODO720925 ONK720925 OXG720925 PHC720925 PQY720925 QAU720925 QKQ720925 QUM720925 REI720925 ROE720925 RYA720925 SHW720925 SRS720925 TBO720925 TLK720925 TVG720925 UFC720925 UOY720925 UYU720925 VIQ720925 VSM720925 WCI720925 WME720925 WWA720925 S786461 JO786461 TK786461 ADG786461 ANC786461 AWY786461 BGU786461 BQQ786461 CAM786461 CKI786461 CUE786461 DEA786461 DNW786461 DXS786461 EHO786461 ERK786461 FBG786461 FLC786461 FUY786461 GEU786461 GOQ786461 GYM786461 HII786461 HSE786461 ICA786461 ILW786461 IVS786461 JFO786461 JPK786461 JZG786461 KJC786461 KSY786461 LCU786461 LMQ786461 LWM786461 MGI786461 MQE786461 NAA786461 NJW786461 NTS786461 ODO786461 ONK786461 OXG786461 PHC786461 PQY786461 QAU786461 QKQ786461 QUM786461 REI786461 ROE786461 RYA786461 SHW786461 SRS786461 TBO786461 TLK786461 TVG786461 UFC786461 UOY786461 UYU786461 VIQ786461 VSM786461 WCI786461 WME786461 WWA786461 S851997 JO851997 TK851997 ADG851997 ANC851997 AWY851997 BGU851997 BQQ851997 CAM851997 CKI851997 CUE851997 DEA851997 DNW851997 DXS851997 EHO851997 ERK851997 FBG851997 FLC851997 FUY851997 GEU851997 GOQ851997 GYM851997 HII851997 HSE851997 ICA851997 ILW851997 IVS851997 JFO851997 JPK851997 JZG851997 KJC851997 KSY851997 LCU851997 LMQ851997 LWM851997 MGI851997 MQE851997 NAA851997 NJW851997 NTS851997 ODO851997 ONK851997 OXG851997 PHC851997 PQY851997 QAU851997 QKQ851997 QUM851997 REI851997 ROE851997 RYA851997 SHW851997 SRS851997 TBO851997 TLK851997 TVG851997 UFC851997 UOY851997 UYU851997 VIQ851997 VSM851997 WCI851997 WME851997 WWA851997 S917533 JO917533 TK917533 ADG917533 ANC917533 AWY917533 BGU917533 BQQ917533 CAM917533 CKI917533 CUE917533 DEA917533 DNW917533 DXS917533 EHO917533 ERK917533 FBG917533 FLC917533 FUY917533 GEU917533 GOQ917533 GYM917533 HII917533 HSE917533 ICA917533 ILW917533 IVS917533 JFO917533 JPK917533 JZG917533 KJC917533 KSY917533 LCU917533 LMQ917533 LWM917533 MGI917533 MQE917533 NAA917533 NJW917533 NTS917533 ODO917533 ONK917533 OXG917533 PHC917533 PQY917533 QAU917533 QKQ917533 QUM917533 REI917533 ROE917533 RYA917533 SHW917533 SRS917533 TBO917533 TLK917533 TVG917533 UFC917533 UOY917533 UYU917533 VIQ917533 VSM917533 WCI917533 WME917533 WWA917533 S983069 JO983069 TK983069 ADG983069 ANC983069 AWY983069 BGU983069 BQQ983069 CAM983069 CKI983069 CUE983069 DEA983069 DNW983069 DXS983069 EHO983069 ERK983069 FBG983069 FLC983069 FUY983069 GEU983069 GOQ983069 GYM983069 HII983069 HSE983069 ICA983069 ILW983069 IVS983069 JFO983069 JPK983069 JZG983069 KJC983069 KSY983069 LCU983069 LMQ983069 LWM983069 MGI983069 MQE983069 NAA983069 NJW983069 NTS983069 ODO983069 ONK983069 OXG983069 PHC983069 PQY983069 QAU983069 QKQ983069 QUM983069 REI983069 ROE983069 RYA983069 SHW983069 SRS983069 TBO983069 TLK983069 TVG983069 UFC983069 UOY983069 UYU983069 VIQ983069 VSM983069 WCI983069 WME983069 WWA983069 AE29 KA29 TW29 ADS29 ANO29 AXK29 BHG29 BRC29 CAY29 CKU29 CUQ29 DEM29 DOI29 DYE29 EIA29 ERW29 FBS29 FLO29 FVK29 GFG29 GPC29 GYY29 HIU29 HSQ29 ICM29 IMI29 IWE29 JGA29 JPW29 JZS29 KJO29 KTK29 LDG29 LNC29 LWY29 MGU29 MQQ29 NAM29 NKI29 NUE29 OEA29 ONW29 OXS29 PHO29 PRK29 QBG29 QLC29 QUY29 REU29 ROQ29 RYM29 SII29 SSE29 TCA29 TLW29 TVS29 UFO29 UPK29 UZG29 VJC29 VSY29 WCU29 WMQ29 WWM29 AE65565 KA65565 TW65565 ADS65565 ANO65565 AXK65565 BHG65565 BRC65565 CAY65565 CKU65565 CUQ65565 DEM65565 DOI65565 DYE65565 EIA65565 ERW65565 FBS65565 FLO65565 FVK65565 GFG65565 GPC65565 GYY65565 HIU65565 HSQ65565 ICM65565 IMI65565 IWE65565 JGA65565 JPW65565 JZS65565 KJO65565 KTK65565 LDG65565 LNC65565 LWY65565 MGU65565 MQQ65565 NAM65565 NKI65565 NUE65565 OEA65565 ONW65565 OXS65565 PHO65565 PRK65565 QBG65565 QLC65565 QUY65565 REU65565 ROQ65565 RYM65565 SII65565 SSE65565 TCA65565 TLW65565 TVS65565 UFO65565 UPK65565 UZG65565 VJC65565 VSY65565 WCU65565 WMQ65565 WWM65565 AE131101 KA131101 TW131101 ADS131101 ANO131101 AXK131101 BHG131101 BRC131101 CAY131101 CKU131101 CUQ131101 DEM131101 DOI131101 DYE131101 EIA131101 ERW131101 FBS131101 FLO131101 FVK131101 GFG131101 GPC131101 GYY131101 HIU131101 HSQ131101 ICM131101 IMI131101 IWE131101 JGA131101 JPW131101 JZS131101 KJO131101 KTK131101 LDG131101 LNC131101 LWY131101 MGU131101 MQQ131101 NAM131101 NKI131101 NUE131101 OEA131101 ONW131101 OXS131101 PHO131101 PRK131101 QBG131101 QLC131101 QUY131101 REU131101 ROQ131101 RYM131101 SII131101 SSE131101 TCA131101 TLW131101 TVS131101 UFO131101 UPK131101 UZG131101 VJC131101 VSY131101 WCU131101 WMQ131101 WWM131101 AE196637 KA196637 TW196637 ADS196637 ANO196637 AXK196637 BHG196637 BRC196637 CAY196637 CKU196637 CUQ196637 DEM196637 DOI196637 DYE196637 EIA196637 ERW196637 FBS196637 FLO196637 FVK196637 GFG196637 GPC196637 GYY196637 HIU196637 HSQ196637 ICM196637 IMI196637 IWE196637 JGA196637 JPW196637 JZS196637 KJO196637 KTK196637 LDG196637 LNC196637 LWY196637 MGU196637 MQQ196637 NAM196637 NKI196637 NUE196637 OEA196637 ONW196637 OXS196637 PHO196637 PRK196637 QBG196637 QLC196637 QUY196637 REU196637 ROQ196637 RYM196637 SII196637 SSE196637 TCA196637 TLW196637 TVS196637 UFO196637 UPK196637 UZG196637 VJC196637 VSY196637 WCU196637 WMQ196637 WWM196637 AE262173 KA262173 TW262173 ADS262173 ANO262173 AXK262173 BHG262173 BRC262173 CAY262173 CKU262173 CUQ262173 DEM262173 DOI262173 DYE262173 EIA262173 ERW262173 FBS262173 FLO262173 FVK262173 GFG262173 GPC262173 GYY262173 HIU262173 HSQ262173 ICM262173 IMI262173 IWE262173 JGA262173 JPW262173 JZS262173 KJO262173 KTK262173 LDG262173 LNC262173 LWY262173 MGU262173 MQQ262173 NAM262173 NKI262173 NUE262173 OEA262173 ONW262173 OXS262173 PHO262173 PRK262173 QBG262173 QLC262173 QUY262173 REU262173 ROQ262173 RYM262173 SII262173 SSE262173 TCA262173 TLW262173 TVS262173 UFO262173 UPK262173 UZG262173 VJC262173 VSY262173 WCU262173 WMQ262173 WWM262173 AE327709 KA327709 TW327709 ADS327709 ANO327709 AXK327709 BHG327709 BRC327709 CAY327709 CKU327709 CUQ327709 DEM327709 DOI327709 DYE327709 EIA327709 ERW327709 FBS327709 FLO327709 FVK327709 GFG327709 GPC327709 GYY327709 HIU327709 HSQ327709 ICM327709 IMI327709 IWE327709 JGA327709 JPW327709 JZS327709 KJO327709 KTK327709 LDG327709 LNC327709 LWY327709 MGU327709 MQQ327709 NAM327709 NKI327709 NUE327709 OEA327709 ONW327709 OXS327709 PHO327709 PRK327709 QBG327709 QLC327709 QUY327709 REU327709 ROQ327709 RYM327709 SII327709 SSE327709 TCA327709 TLW327709 TVS327709 UFO327709 UPK327709 UZG327709 VJC327709 VSY327709 WCU327709 WMQ327709 WWM327709 AE393245 KA393245 TW393245 ADS393245 ANO393245 AXK393245 BHG393245 BRC393245 CAY393245 CKU393245 CUQ393245 DEM393245 DOI393245 DYE393245 EIA393245 ERW393245 FBS393245 FLO393245 FVK393245 GFG393245 GPC393245 GYY393245 HIU393245 HSQ393245 ICM393245 IMI393245 IWE393245 JGA393245 JPW393245 JZS393245 KJO393245 KTK393245 LDG393245 LNC393245 LWY393245 MGU393245 MQQ393245 NAM393245 NKI393245 NUE393245 OEA393245 ONW393245 OXS393245 PHO393245 PRK393245 QBG393245 QLC393245 QUY393245 REU393245 ROQ393245 RYM393245 SII393245 SSE393245 TCA393245 TLW393245 TVS393245 UFO393245 UPK393245 UZG393245 VJC393245 VSY393245 WCU393245 WMQ393245 WWM393245 AE458781 KA458781 TW458781 ADS458781 ANO458781 AXK458781 BHG458781 BRC458781 CAY458781 CKU458781 CUQ458781 DEM458781 DOI458781 DYE458781 EIA458781 ERW458781 FBS458781 FLO458781 FVK458781 GFG458781 GPC458781 GYY458781 HIU458781 HSQ458781 ICM458781 IMI458781 IWE458781 JGA458781 JPW458781 JZS458781 KJO458781 KTK458781 LDG458781 LNC458781 LWY458781 MGU458781 MQQ458781 NAM458781 NKI458781 NUE458781 OEA458781 ONW458781 OXS458781 PHO458781 PRK458781 QBG458781 QLC458781 QUY458781 REU458781 ROQ458781 RYM458781 SII458781 SSE458781 TCA458781 TLW458781 TVS458781 UFO458781 UPK458781 UZG458781 VJC458781 VSY458781 WCU458781 WMQ458781 WWM458781 AE524317 KA524317 TW524317 ADS524317 ANO524317 AXK524317 BHG524317 BRC524317 CAY524317 CKU524317 CUQ524317 DEM524317 DOI524317 DYE524317 EIA524317 ERW524317 FBS524317 FLO524317 FVK524317 GFG524317 GPC524317 GYY524317 HIU524317 HSQ524317 ICM524317 IMI524317 IWE524317 JGA524317 JPW524317 JZS524317 KJO524317 KTK524317 LDG524317 LNC524317 LWY524317 MGU524317 MQQ524317 NAM524317 NKI524317 NUE524317 OEA524317 ONW524317 OXS524317 PHO524317 PRK524317 QBG524317 QLC524317 QUY524317 REU524317 ROQ524317 RYM524317 SII524317 SSE524317 TCA524317 TLW524317 TVS524317 UFO524317 UPK524317 UZG524317 VJC524317 VSY524317 WCU524317 WMQ524317 WWM524317 AE589853 KA589853 TW589853 ADS589853 ANO589853 AXK589853 BHG589853 BRC589853 CAY589853 CKU589853 CUQ589853 DEM589853 DOI589853 DYE589853 EIA589853 ERW589853 FBS589853 FLO589853 FVK589853 GFG589853 GPC589853 GYY589853 HIU589853 HSQ589853 ICM589853 IMI589853 IWE589853 JGA589853 JPW589853 JZS589853 KJO589853 KTK589853 LDG589853 LNC589853 LWY589853 MGU589853 MQQ589853 NAM589853 NKI589853 NUE589853 OEA589853 ONW589853 OXS589853 PHO589853 PRK589853 QBG589853 QLC589853 QUY589853 REU589853 ROQ589853 RYM589853 SII589853 SSE589853 TCA589853 TLW589853 TVS589853 UFO589853 UPK589853 UZG589853 VJC589853 VSY589853 WCU589853 WMQ589853 WWM589853 AE655389 KA655389 TW655389 ADS655389 ANO655389 AXK655389 BHG655389 BRC655389 CAY655389 CKU655389 CUQ655389 DEM655389 DOI655389 DYE655389 EIA655389 ERW655389 FBS655389 FLO655389 FVK655389 GFG655389 GPC655389 GYY655389 HIU655389 HSQ655389 ICM655389 IMI655389 IWE655389 JGA655389 JPW655389 JZS655389 KJO655389 KTK655389 LDG655389 LNC655389 LWY655389 MGU655389 MQQ655389 NAM655389 NKI655389 NUE655389 OEA655389 ONW655389 OXS655389 PHO655389 PRK655389 QBG655389 QLC655389 QUY655389 REU655389 ROQ655389 RYM655389 SII655389 SSE655389 TCA655389 TLW655389 TVS655389 UFO655389 UPK655389 UZG655389 VJC655389 VSY655389 WCU655389 WMQ655389 WWM655389 AE720925 KA720925 TW720925 ADS720925 ANO720925 AXK720925 BHG720925 BRC720925 CAY720925 CKU720925 CUQ720925 DEM720925 DOI720925 DYE720925 EIA720925 ERW720925 FBS720925 FLO720925 FVK720925 GFG720925 GPC720925 GYY720925 HIU720925 HSQ720925 ICM720925 IMI720925 IWE720925 JGA720925 JPW720925 JZS720925 KJO720925 KTK720925 LDG720925 LNC720925 LWY720925 MGU720925 MQQ720925 NAM720925 NKI720925 NUE720925 OEA720925 ONW720925 OXS720925 PHO720925 PRK720925 QBG720925 QLC720925 QUY720925 REU720925 ROQ720925 RYM720925 SII720925 SSE720925 TCA720925 TLW720925 TVS720925 UFO720925 UPK720925 UZG720925 VJC720925 VSY720925 WCU720925 WMQ720925 WWM720925 AE786461 KA786461 TW786461 ADS786461 ANO786461 AXK786461 BHG786461 BRC786461 CAY786461 CKU786461 CUQ786461 DEM786461 DOI786461 DYE786461 EIA786461 ERW786461 FBS786461 FLO786461 FVK786461 GFG786461 GPC786461 GYY786461 HIU786461 HSQ786461 ICM786461 IMI786461 IWE786461 JGA786461 JPW786461 JZS786461 KJO786461 KTK786461 LDG786461 LNC786461 LWY786461 MGU786461 MQQ786461 NAM786461 NKI786461 NUE786461 OEA786461 ONW786461 OXS786461 PHO786461 PRK786461 QBG786461 QLC786461 QUY786461 REU786461 ROQ786461 RYM786461 SII786461 SSE786461 TCA786461 TLW786461 TVS786461 UFO786461 UPK786461 UZG786461 VJC786461 VSY786461 WCU786461 WMQ786461 WWM786461 AE851997 KA851997 TW851997 ADS851997 ANO851997 AXK851997 BHG851997 BRC851997 CAY851997 CKU851997 CUQ851997 DEM851997 DOI851997 DYE851997 EIA851997 ERW851997 FBS851997 FLO851997 FVK851997 GFG851997 GPC851997 GYY851997 HIU851997 HSQ851997 ICM851997 IMI851997 IWE851997 JGA851997 JPW851997 JZS851997 KJO851997 KTK851997 LDG851997 LNC851997 LWY851997 MGU851997 MQQ851997 NAM851997 NKI851997 NUE851997 OEA851997 ONW851997 OXS851997 PHO851997 PRK851997 QBG851997 QLC851997 QUY851997 REU851997 ROQ851997 RYM851997 SII851997 SSE851997 TCA851997 TLW851997 TVS851997 UFO851997 UPK851997 UZG851997 VJC851997 VSY851997 WCU851997 WMQ851997 WWM851997 AE917533 KA917533 TW917533 ADS917533 ANO917533 AXK917533 BHG917533 BRC917533 CAY917533 CKU917533 CUQ917533 DEM917533 DOI917533 DYE917533 EIA917533 ERW917533 FBS917533 FLO917533 FVK917533 GFG917533 GPC917533 GYY917533 HIU917533 HSQ917533 ICM917533 IMI917533 IWE917533 JGA917533 JPW917533 JZS917533 KJO917533 KTK917533 LDG917533 LNC917533 LWY917533 MGU917533 MQQ917533 NAM917533 NKI917533 NUE917533 OEA917533 ONW917533 OXS917533 PHO917533 PRK917533 QBG917533 QLC917533 QUY917533 REU917533 ROQ917533 RYM917533 SII917533 SSE917533 TCA917533 TLW917533 TVS917533 UFO917533 UPK917533 UZG917533 VJC917533 VSY917533 WCU917533 WMQ917533 WWM917533 AE983069 KA983069 TW983069 ADS983069 ANO983069 AXK983069 BHG983069 BRC983069 CAY983069 CKU983069 CUQ983069 DEM983069 DOI983069 DYE983069 EIA983069 ERW983069 FBS983069 FLO983069 FVK983069 GFG983069 GPC983069 GYY983069 HIU983069 HSQ983069 ICM983069 IMI983069 IWE983069 JGA983069 JPW983069 JZS983069 KJO983069 KTK983069 LDG983069 LNC983069 LWY983069 MGU983069 MQQ983069 NAM983069 NKI983069 NUE983069 OEA983069 ONW983069 OXS983069 PHO983069 PRK983069 QBG983069 QLC983069 QUY983069 REU983069 ROQ983069 RYM983069 SII983069 SSE983069 TCA983069 TLW983069 TVS983069 UFO983069 UPK983069 UZG983069 VJC983069 VSY983069 WCU983069 WMQ983069 WWM983069 BC29:BC33 KY29:KY33 UU29:UU33 AEQ29:AEQ33 AOM29:AOM33 AYI29:AYI33 BIE29:BIE33 BSA29:BSA33 CBW29:CBW33 CLS29:CLS33 CVO29:CVO33 DFK29:DFK33 DPG29:DPG33 DZC29:DZC33 EIY29:EIY33 ESU29:ESU33 FCQ29:FCQ33 FMM29:FMM33 FWI29:FWI33 GGE29:GGE33 GQA29:GQA33 GZW29:GZW33 HJS29:HJS33 HTO29:HTO33 IDK29:IDK33 ING29:ING33 IXC29:IXC33 JGY29:JGY33 JQU29:JQU33 KAQ29:KAQ33 KKM29:KKM33 KUI29:KUI33 LEE29:LEE33 LOA29:LOA33 LXW29:LXW33 MHS29:MHS33 MRO29:MRO33 NBK29:NBK33 NLG29:NLG33 NVC29:NVC33 OEY29:OEY33 OOU29:OOU33 OYQ29:OYQ33 PIM29:PIM33 PSI29:PSI33 QCE29:QCE33 QMA29:QMA33 QVW29:QVW33 RFS29:RFS33 RPO29:RPO33 RZK29:RZK33 SJG29:SJG33 STC29:STC33 TCY29:TCY33 TMU29:TMU33 TWQ29:TWQ33 UGM29:UGM33 UQI29:UQI33 VAE29:VAE33 VKA29:VKA33 VTW29:VTW33 WDS29:WDS33 WNO29:WNO33 WXK29:WXK33 BC65565:BC65569 KY65565:KY65569 UU65565:UU65569 AEQ65565:AEQ65569 AOM65565:AOM65569 AYI65565:AYI65569 BIE65565:BIE65569 BSA65565:BSA65569 CBW65565:CBW65569 CLS65565:CLS65569 CVO65565:CVO65569 DFK65565:DFK65569 DPG65565:DPG65569 DZC65565:DZC65569 EIY65565:EIY65569 ESU65565:ESU65569 FCQ65565:FCQ65569 FMM65565:FMM65569 FWI65565:FWI65569 GGE65565:GGE65569 GQA65565:GQA65569 GZW65565:GZW65569 HJS65565:HJS65569 HTO65565:HTO65569 IDK65565:IDK65569 ING65565:ING65569 IXC65565:IXC65569 JGY65565:JGY65569 JQU65565:JQU65569 KAQ65565:KAQ65569 KKM65565:KKM65569 KUI65565:KUI65569 LEE65565:LEE65569 LOA65565:LOA65569 LXW65565:LXW65569 MHS65565:MHS65569 MRO65565:MRO65569 NBK65565:NBK65569 NLG65565:NLG65569 NVC65565:NVC65569 OEY65565:OEY65569 OOU65565:OOU65569 OYQ65565:OYQ65569 PIM65565:PIM65569 PSI65565:PSI65569 QCE65565:QCE65569 QMA65565:QMA65569 QVW65565:QVW65569 RFS65565:RFS65569 RPO65565:RPO65569 RZK65565:RZK65569 SJG65565:SJG65569 STC65565:STC65569 TCY65565:TCY65569 TMU65565:TMU65569 TWQ65565:TWQ65569 UGM65565:UGM65569 UQI65565:UQI65569 VAE65565:VAE65569 VKA65565:VKA65569 VTW65565:VTW65569 WDS65565:WDS65569 WNO65565:WNO65569 WXK65565:WXK65569 BC131101:BC131105 KY131101:KY131105 UU131101:UU131105 AEQ131101:AEQ131105 AOM131101:AOM131105 AYI131101:AYI131105 BIE131101:BIE131105 BSA131101:BSA131105 CBW131101:CBW131105 CLS131101:CLS131105 CVO131101:CVO131105 DFK131101:DFK131105 DPG131101:DPG131105 DZC131101:DZC131105 EIY131101:EIY131105 ESU131101:ESU131105 FCQ131101:FCQ131105 FMM131101:FMM131105 FWI131101:FWI131105 GGE131101:GGE131105 GQA131101:GQA131105 GZW131101:GZW131105 HJS131101:HJS131105 HTO131101:HTO131105 IDK131101:IDK131105 ING131101:ING131105 IXC131101:IXC131105 JGY131101:JGY131105 JQU131101:JQU131105 KAQ131101:KAQ131105 KKM131101:KKM131105 KUI131101:KUI131105 LEE131101:LEE131105 LOA131101:LOA131105 LXW131101:LXW131105 MHS131101:MHS131105 MRO131101:MRO131105 NBK131101:NBK131105 NLG131101:NLG131105 NVC131101:NVC131105 OEY131101:OEY131105 OOU131101:OOU131105 OYQ131101:OYQ131105 PIM131101:PIM131105 PSI131101:PSI131105 QCE131101:QCE131105 QMA131101:QMA131105 QVW131101:QVW131105 RFS131101:RFS131105 RPO131101:RPO131105 RZK131101:RZK131105 SJG131101:SJG131105 STC131101:STC131105 TCY131101:TCY131105 TMU131101:TMU131105 TWQ131101:TWQ131105 UGM131101:UGM131105 UQI131101:UQI131105 VAE131101:VAE131105 VKA131101:VKA131105 VTW131101:VTW131105 WDS131101:WDS131105 WNO131101:WNO131105 WXK131101:WXK131105 BC196637:BC196641 KY196637:KY196641 UU196637:UU196641 AEQ196637:AEQ196641 AOM196637:AOM196641 AYI196637:AYI196641 BIE196637:BIE196641 BSA196637:BSA196641 CBW196637:CBW196641 CLS196637:CLS196641 CVO196637:CVO196641 DFK196637:DFK196641 DPG196637:DPG196641 DZC196637:DZC196641 EIY196637:EIY196641 ESU196637:ESU196641 FCQ196637:FCQ196641 FMM196637:FMM196641 FWI196637:FWI196641 GGE196637:GGE196641 GQA196637:GQA196641 GZW196637:GZW196641 HJS196637:HJS196641 HTO196637:HTO196641 IDK196637:IDK196641 ING196637:ING196641 IXC196637:IXC196641 JGY196637:JGY196641 JQU196637:JQU196641 KAQ196637:KAQ196641 KKM196637:KKM196641 KUI196637:KUI196641 LEE196637:LEE196641 LOA196637:LOA196641 LXW196637:LXW196641 MHS196637:MHS196641 MRO196637:MRO196641 NBK196637:NBK196641 NLG196637:NLG196641 NVC196637:NVC196641 OEY196637:OEY196641 OOU196637:OOU196641 OYQ196637:OYQ196641 PIM196637:PIM196641 PSI196637:PSI196641 QCE196637:QCE196641 QMA196637:QMA196641 QVW196637:QVW196641 RFS196637:RFS196641 RPO196637:RPO196641 RZK196637:RZK196641 SJG196637:SJG196641 STC196637:STC196641 TCY196637:TCY196641 TMU196637:TMU196641 TWQ196637:TWQ196641 UGM196637:UGM196641 UQI196637:UQI196641 VAE196637:VAE196641 VKA196637:VKA196641 VTW196637:VTW196641 WDS196637:WDS196641 WNO196637:WNO196641 WXK196637:WXK196641 BC262173:BC262177 KY262173:KY262177 UU262173:UU262177 AEQ262173:AEQ262177 AOM262173:AOM262177 AYI262173:AYI262177 BIE262173:BIE262177 BSA262173:BSA262177 CBW262173:CBW262177 CLS262173:CLS262177 CVO262173:CVO262177 DFK262173:DFK262177 DPG262173:DPG262177 DZC262173:DZC262177 EIY262173:EIY262177 ESU262173:ESU262177 FCQ262173:FCQ262177 FMM262173:FMM262177 FWI262173:FWI262177 GGE262173:GGE262177 GQA262173:GQA262177 GZW262173:GZW262177 HJS262173:HJS262177 HTO262173:HTO262177 IDK262173:IDK262177 ING262173:ING262177 IXC262173:IXC262177 JGY262173:JGY262177 JQU262173:JQU262177 KAQ262173:KAQ262177 KKM262173:KKM262177 KUI262173:KUI262177 LEE262173:LEE262177 LOA262173:LOA262177 LXW262173:LXW262177 MHS262173:MHS262177 MRO262173:MRO262177 NBK262173:NBK262177 NLG262173:NLG262177 NVC262173:NVC262177 OEY262173:OEY262177 OOU262173:OOU262177 OYQ262173:OYQ262177 PIM262173:PIM262177 PSI262173:PSI262177 QCE262173:QCE262177 QMA262173:QMA262177 QVW262173:QVW262177 RFS262173:RFS262177 RPO262173:RPO262177 RZK262173:RZK262177 SJG262173:SJG262177 STC262173:STC262177 TCY262173:TCY262177 TMU262173:TMU262177 TWQ262173:TWQ262177 UGM262173:UGM262177 UQI262173:UQI262177 VAE262173:VAE262177 VKA262173:VKA262177 VTW262173:VTW262177 WDS262173:WDS262177 WNO262173:WNO262177 WXK262173:WXK262177 BC327709:BC327713 KY327709:KY327713 UU327709:UU327713 AEQ327709:AEQ327713 AOM327709:AOM327713 AYI327709:AYI327713 BIE327709:BIE327713 BSA327709:BSA327713 CBW327709:CBW327713 CLS327709:CLS327713 CVO327709:CVO327713 DFK327709:DFK327713 DPG327709:DPG327713 DZC327709:DZC327713 EIY327709:EIY327713 ESU327709:ESU327713 FCQ327709:FCQ327713 FMM327709:FMM327713 FWI327709:FWI327713 GGE327709:GGE327713 GQA327709:GQA327713 GZW327709:GZW327713 HJS327709:HJS327713 HTO327709:HTO327713 IDK327709:IDK327713 ING327709:ING327713 IXC327709:IXC327713 JGY327709:JGY327713 JQU327709:JQU327713 KAQ327709:KAQ327713 KKM327709:KKM327713 KUI327709:KUI327713 LEE327709:LEE327713 LOA327709:LOA327713 LXW327709:LXW327713 MHS327709:MHS327713 MRO327709:MRO327713 NBK327709:NBK327713 NLG327709:NLG327713 NVC327709:NVC327713 OEY327709:OEY327713 OOU327709:OOU327713 OYQ327709:OYQ327713 PIM327709:PIM327713 PSI327709:PSI327713 QCE327709:QCE327713 QMA327709:QMA327713 QVW327709:QVW327713 RFS327709:RFS327713 RPO327709:RPO327713 RZK327709:RZK327713 SJG327709:SJG327713 STC327709:STC327713 TCY327709:TCY327713 TMU327709:TMU327713 TWQ327709:TWQ327713 UGM327709:UGM327713 UQI327709:UQI327713 VAE327709:VAE327713 VKA327709:VKA327713 VTW327709:VTW327713 WDS327709:WDS327713 WNO327709:WNO327713 WXK327709:WXK327713 BC393245:BC393249 KY393245:KY393249 UU393245:UU393249 AEQ393245:AEQ393249 AOM393245:AOM393249 AYI393245:AYI393249 BIE393245:BIE393249 BSA393245:BSA393249 CBW393245:CBW393249 CLS393245:CLS393249 CVO393245:CVO393249 DFK393245:DFK393249 DPG393245:DPG393249 DZC393245:DZC393249 EIY393245:EIY393249 ESU393245:ESU393249 FCQ393245:FCQ393249 FMM393245:FMM393249 FWI393245:FWI393249 GGE393245:GGE393249 GQA393245:GQA393249 GZW393245:GZW393249 HJS393245:HJS393249 HTO393245:HTO393249 IDK393245:IDK393249 ING393245:ING393249 IXC393245:IXC393249 JGY393245:JGY393249 JQU393245:JQU393249 KAQ393245:KAQ393249 KKM393245:KKM393249 KUI393245:KUI393249 LEE393245:LEE393249 LOA393245:LOA393249 LXW393245:LXW393249 MHS393245:MHS393249 MRO393245:MRO393249 NBK393245:NBK393249 NLG393245:NLG393249 NVC393245:NVC393249 OEY393245:OEY393249 OOU393245:OOU393249 OYQ393245:OYQ393249 PIM393245:PIM393249 PSI393245:PSI393249 QCE393245:QCE393249 QMA393245:QMA393249 QVW393245:QVW393249 RFS393245:RFS393249 RPO393245:RPO393249 RZK393245:RZK393249 SJG393245:SJG393249 STC393245:STC393249 TCY393245:TCY393249 TMU393245:TMU393249 TWQ393245:TWQ393249 UGM393245:UGM393249 UQI393245:UQI393249 VAE393245:VAE393249 VKA393245:VKA393249 VTW393245:VTW393249 WDS393245:WDS393249 WNO393245:WNO393249 WXK393245:WXK393249 BC458781:BC458785 KY458781:KY458785 UU458781:UU458785 AEQ458781:AEQ458785 AOM458781:AOM458785 AYI458781:AYI458785 BIE458781:BIE458785 BSA458781:BSA458785 CBW458781:CBW458785 CLS458781:CLS458785 CVO458781:CVO458785 DFK458781:DFK458785 DPG458781:DPG458785 DZC458781:DZC458785 EIY458781:EIY458785 ESU458781:ESU458785 FCQ458781:FCQ458785 FMM458781:FMM458785 FWI458781:FWI458785 GGE458781:GGE458785 GQA458781:GQA458785 GZW458781:GZW458785 HJS458781:HJS458785 HTO458781:HTO458785 IDK458781:IDK458785 ING458781:ING458785 IXC458781:IXC458785 JGY458781:JGY458785 JQU458781:JQU458785 KAQ458781:KAQ458785 KKM458781:KKM458785 KUI458781:KUI458785 LEE458781:LEE458785 LOA458781:LOA458785 LXW458781:LXW458785 MHS458781:MHS458785 MRO458781:MRO458785 NBK458781:NBK458785 NLG458781:NLG458785 NVC458781:NVC458785 OEY458781:OEY458785 OOU458781:OOU458785 OYQ458781:OYQ458785 PIM458781:PIM458785 PSI458781:PSI458785 QCE458781:QCE458785 QMA458781:QMA458785 QVW458781:QVW458785 RFS458781:RFS458785 RPO458781:RPO458785 RZK458781:RZK458785 SJG458781:SJG458785 STC458781:STC458785 TCY458781:TCY458785 TMU458781:TMU458785 TWQ458781:TWQ458785 UGM458781:UGM458785 UQI458781:UQI458785 VAE458781:VAE458785 VKA458781:VKA458785 VTW458781:VTW458785 WDS458781:WDS458785 WNO458781:WNO458785 WXK458781:WXK458785 BC524317:BC524321 KY524317:KY524321 UU524317:UU524321 AEQ524317:AEQ524321 AOM524317:AOM524321 AYI524317:AYI524321 BIE524317:BIE524321 BSA524317:BSA524321 CBW524317:CBW524321 CLS524317:CLS524321 CVO524317:CVO524321 DFK524317:DFK524321 DPG524317:DPG524321 DZC524317:DZC524321 EIY524317:EIY524321 ESU524317:ESU524321 FCQ524317:FCQ524321 FMM524317:FMM524321 FWI524317:FWI524321 GGE524317:GGE524321 GQA524317:GQA524321 GZW524317:GZW524321 HJS524317:HJS524321 HTO524317:HTO524321 IDK524317:IDK524321 ING524317:ING524321 IXC524317:IXC524321 JGY524317:JGY524321 JQU524317:JQU524321 KAQ524317:KAQ524321 KKM524317:KKM524321 KUI524317:KUI524321 LEE524317:LEE524321 LOA524317:LOA524321 LXW524317:LXW524321 MHS524317:MHS524321 MRO524317:MRO524321 NBK524317:NBK524321 NLG524317:NLG524321 NVC524317:NVC524321 OEY524317:OEY524321 OOU524317:OOU524321 OYQ524317:OYQ524321 PIM524317:PIM524321 PSI524317:PSI524321 QCE524317:QCE524321 QMA524317:QMA524321 QVW524317:QVW524321 RFS524317:RFS524321 RPO524317:RPO524321 RZK524317:RZK524321 SJG524317:SJG524321 STC524317:STC524321 TCY524317:TCY524321 TMU524317:TMU524321 TWQ524317:TWQ524321 UGM524317:UGM524321 UQI524317:UQI524321 VAE524317:VAE524321 VKA524317:VKA524321 VTW524317:VTW524321 WDS524317:WDS524321 WNO524317:WNO524321 WXK524317:WXK524321 BC589853:BC589857 KY589853:KY589857 UU589853:UU589857 AEQ589853:AEQ589857 AOM589853:AOM589857 AYI589853:AYI589857 BIE589853:BIE589857 BSA589853:BSA589857 CBW589853:CBW589857 CLS589853:CLS589857 CVO589853:CVO589857 DFK589853:DFK589857 DPG589853:DPG589857 DZC589853:DZC589857 EIY589853:EIY589857 ESU589853:ESU589857 FCQ589853:FCQ589857 FMM589853:FMM589857 FWI589853:FWI589857 GGE589853:GGE589857 GQA589853:GQA589857 GZW589853:GZW589857 HJS589853:HJS589857 HTO589853:HTO589857 IDK589853:IDK589857 ING589853:ING589857 IXC589853:IXC589857 JGY589853:JGY589857 JQU589853:JQU589857 KAQ589853:KAQ589857 KKM589853:KKM589857 KUI589853:KUI589857 LEE589853:LEE589857 LOA589853:LOA589857 LXW589853:LXW589857 MHS589853:MHS589857 MRO589853:MRO589857 NBK589853:NBK589857 NLG589853:NLG589857 NVC589853:NVC589857 OEY589853:OEY589857 OOU589853:OOU589857 OYQ589853:OYQ589857 PIM589853:PIM589857 PSI589853:PSI589857 QCE589853:QCE589857 QMA589853:QMA589857 QVW589853:QVW589857 RFS589853:RFS589857 RPO589853:RPO589857 RZK589853:RZK589857 SJG589853:SJG589857 STC589853:STC589857 TCY589853:TCY589857 TMU589853:TMU589857 TWQ589853:TWQ589857 UGM589853:UGM589857 UQI589853:UQI589857 VAE589853:VAE589857 VKA589853:VKA589857 VTW589853:VTW589857 WDS589853:WDS589857 WNO589853:WNO589857 WXK589853:WXK589857 BC655389:BC655393 KY655389:KY655393 UU655389:UU655393 AEQ655389:AEQ655393 AOM655389:AOM655393 AYI655389:AYI655393 BIE655389:BIE655393 BSA655389:BSA655393 CBW655389:CBW655393 CLS655389:CLS655393 CVO655389:CVO655393 DFK655389:DFK655393 DPG655389:DPG655393 DZC655389:DZC655393 EIY655389:EIY655393 ESU655389:ESU655393 FCQ655389:FCQ655393 FMM655389:FMM655393 FWI655389:FWI655393 GGE655389:GGE655393 GQA655389:GQA655393 GZW655389:GZW655393 HJS655389:HJS655393 HTO655389:HTO655393 IDK655389:IDK655393 ING655389:ING655393 IXC655389:IXC655393 JGY655389:JGY655393 JQU655389:JQU655393 KAQ655389:KAQ655393 KKM655389:KKM655393 KUI655389:KUI655393 LEE655389:LEE655393 LOA655389:LOA655393 LXW655389:LXW655393 MHS655389:MHS655393 MRO655389:MRO655393 NBK655389:NBK655393 NLG655389:NLG655393 NVC655389:NVC655393 OEY655389:OEY655393 OOU655389:OOU655393 OYQ655389:OYQ655393 PIM655389:PIM655393 PSI655389:PSI655393 QCE655389:QCE655393 QMA655389:QMA655393 QVW655389:QVW655393 RFS655389:RFS655393 RPO655389:RPO655393 RZK655389:RZK655393 SJG655389:SJG655393 STC655389:STC655393 TCY655389:TCY655393 TMU655389:TMU655393 TWQ655389:TWQ655393 UGM655389:UGM655393 UQI655389:UQI655393 VAE655389:VAE655393 VKA655389:VKA655393 VTW655389:VTW655393 WDS655389:WDS655393 WNO655389:WNO655393 WXK655389:WXK655393 BC720925:BC720929 KY720925:KY720929 UU720925:UU720929 AEQ720925:AEQ720929 AOM720925:AOM720929 AYI720925:AYI720929 BIE720925:BIE720929 BSA720925:BSA720929 CBW720925:CBW720929 CLS720925:CLS720929 CVO720925:CVO720929 DFK720925:DFK720929 DPG720925:DPG720929 DZC720925:DZC720929 EIY720925:EIY720929 ESU720925:ESU720929 FCQ720925:FCQ720929 FMM720925:FMM720929 FWI720925:FWI720929 GGE720925:GGE720929 GQA720925:GQA720929 GZW720925:GZW720929 HJS720925:HJS720929 HTO720925:HTO720929 IDK720925:IDK720929 ING720925:ING720929 IXC720925:IXC720929 JGY720925:JGY720929 JQU720925:JQU720929 KAQ720925:KAQ720929 KKM720925:KKM720929 KUI720925:KUI720929 LEE720925:LEE720929 LOA720925:LOA720929 LXW720925:LXW720929 MHS720925:MHS720929 MRO720925:MRO720929 NBK720925:NBK720929 NLG720925:NLG720929 NVC720925:NVC720929 OEY720925:OEY720929 OOU720925:OOU720929 OYQ720925:OYQ720929 PIM720925:PIM720929 PSI720925:PSI720929 QCE720925:QCE720929 QMA720925:QMA720929 QVW720925:QVW720929 RFS720925:RFS720929 RPO720925:RPO720929 RZK720925:RZK720929 SJG720925:SJG720929 STC720925:STC720929 TCY720925:TCY720929 TMU720925:TMU720929 TWQ720925:TWQ720929 UGM720925:UGM720929 UQI720925:UQI720929 VAE720925:VAE720929 VKA720925:VKA720929 VTW720925:VTW720929 WDS720925:WDS720929 WNO720925:WNO720929 WXK720925:WXK720929 BC786461:BC786465 KY786461:KY786465 UU786461:UU786465 AEQ786461:AEQ786465 AOM786461:AOM786465 AYI786461:AYI786465 BIE786461:BIE786465 BSA786461:BSA786465 CBW786461:CBW786465 CLS786461:CLS786465 CVO786461:CVO786465 DFK786461:DFK786465 DPG786461:DPG786465 DZC786461:DZC786465 EIY786461:EIY786465 ESU786461:ESU786465 FCQ786461:FCQ786465 FMM786461:FMM786465 FWI786461:FWI786465 GGE786461:GGE786465 GQA786461:GQA786465 GZW786461:GZW786465 HJS786461:HJS786465 HTO786461:HTO786465 IDK786461:IDK786465 ING786461:ING786465 IXC786461:IXC786465 JGY786461:JGY786465 JQU786461:JQU786465 KAQ786461:KAQ786465 KKM786461:KKM786465 KUI786461:KUI786465 LEE786461:LEE786465 LOA786461:LOA786465 LXW786461:LXW786465 MHS786461:MHS786465 MRO786461:MRO786465 NBK786461:NBK786465 NLG786461:NLG786465 NVC786461:NVC786465 OEY786461:OEY786465 OOU786461:OOU786465 OYQ786461:OYQ786465 PIM786461:PIM786465 PSI786461:PSI786465 QCE786461:QCE786465 QMA786461:QMA786465 QVW786461:QVW786465 RFS786461:RFS786465 RPO786461:RPO786465 RZK786461:RZK786465 SJG786461:SJG786465 STC786461:STC786465 TCY786461:TCY786465 TMU786461:TMU786465 TWQ786461:TWQ786465 UGM786461:UGM786465 UQI786461:UQI786465 VAE786461:VAE786465 VKA786461:VKA786465 VTW786461:VTW786465 WDS786461:WDS786465 WNO786461:WNO786465 WXK786461:WXK786465 BC851997:BC852001 KY851997:KY852001 UU851997:UU852001 AEQ851997:AEQ852001 AOM851997:AOM852001 AYI851997:AYI852001 BIE851997:BIE852001 BSA851997:BSA852001 CBW851997:CBW852001 CLS851997:CLS852001 CVO851997:CVO852001 DFK851997:DFK852001 DPG851997:DPG852001 DZC851997:DZC852001 EIY851997:EIY852001 ESU851997:ESU852001 FCQ851997:FCQ852001 FMM851997:FMM852001 FWI851997:FWI852001 GGE851997:GGE852001 GQA851997:GQA852001 GZW851997:GZW852001 HJS851997:HJS852001 HTO851997:HTO852001 IDK851997:IDK852001 ING851997:ING852001 IXC851997:IXC852001 JGY851997:JGY852001 JQU851997:JQU852001 KAQ851997:KAQ852001 KKM851997:KKM852001 KUI851997:KUI852001 LEE851997:LEE852001 LOA851997:LOA852001 LXW851997:LXW852001 MHS851997:MHS852001 MRO851997:MRO852001 NBK851997:NBK852001 NLG851997:NLG852001 NVC851997:NVC852001 OEY851997:OEY852001 OOU851997:OOU852001 OYQ851997:OYQ852001 PIM851997:PIM852001 PSI851997:PSI852001 QCE851997:QCE852001 QMA851997:QMA852001 QVW851997:QVW852001 RFS851997:RFS852001 RPO851997:RPO852001 RZK851997:RZK852001 SJG851997:SJG852001 STC851997:STC852001 TCY851997:TCY852001 TMU851997:TMU852001 TWQ851997:TWQ852001 UGM851997:UGM852001 UQI851997:UQI852001 VAE851997:VAE852001 VKA851997:VKA852001 VTW851997:VTW852001 WDS851997:WDS852001 WNO851997:WNO852001 WXK851997:WXK852001 BC917533:BC917537 KY917533:KY917537 UU917533:UU917537 AEQ917533:AEQ917537 AOM917533:AOM917537 AYI917533:AYI917537 BIE917533:BIE917537 BSA917533:BSA917537 CBW917533:CBW917537 CLS917533:CLS917537 CVO917533:CVO917537 DFK917533:DFK917537 DPG917533:DPG917537 DZC917533:DZC917537 EIY917533:EIY917537 ESU917533:ESU917537 FCQ917533:FCQ917537 FMM917533:FMM917537 FWI917533:FWI917537 GGE917533:GGE917537 GQA917533:GQA917537 GZW917533:GZW917537 HJS917533:HJS917537 HTO917533:HTO917537 IDK917533:IDK917537 ING917533:ING917537 IXC917533:IXC917537 JGY917533:JGY917537 JQU917533:JQU917537 KAQ917533:KAQ917537 KKM917533:KKM917537 KUI917533:KUI917537 LEE917533:LEE917537 LOA917533:LOA917537 LXW917533:LXW917537 MHS917533:MHS917537 MRO917533:MRO917537 NBK917533:NBK917537 NLG917533:NLG917537 NVC917533:NVC917537 OEY917533:OEY917537 OOU917533:OOU917537 OYQ917533:OYQ917537 PIM917533:PIM917537 PSI917533:PSI917537 QCE917533:QCE917537 QMA917533:QMA917537 QVW917533:QVW917537 RFS917533:RFS917537 RPO917533:RPO917537 RZK917533:RZK917537 SJG917533:SJG917537 STC917533:STC917537 TCY917533:TCY917537 TMU917533:TMU917537 TWQ917533:TWQ917537 UGM917533:UGM917537 UQI917533:UQI917537 VAE917533:VAE917537 VKA917533:VKA917537 VTW917533:VTW917537 WDS917533:WDS917537 WNO917533:WNO917537 WXK917533:WXK917537 BC983069:BC983073 KY983069:KY983073 UU983069:UU983073 AEQ983069:AEQ983073 AOM983069:AOM983073 AYI983069:AYI983073 BIE983069:BIE983073 BSA983069:BSA983073 CBW983069:CBW983073 CLS983069:CLS983073 CVO983069:CVO983073 DFK983069:DFK983073 DPG983069:DPG983073 DZC983069:DZC983073 EIY983069:EIY983073 ESU983069:ESU983073 FCQ983069:FCQ983073 FMM983069:FMM983073 FWI983069:FWI983073 GGE983069:GGE983073 GQA983069:GQA983073 GZW983069:GZW983073 HJS983069:HJS983073 HTO983069:HTO983073 IDK983069:IDK983073 ING983069:ING983073 IXC983069:IXC983073 JGY983069:JGY983073 JQU983069:JQU983073 KAQ983069:KAQ983073 KKM983069:KKM983073 KUI983069:KUI983073 LEE983069:LEE983073 LOA983069:LOA983073 LXW983069:LXW983073 MHS983069:MHS983073 MRO983069:MRO983073 NBK983069:NBK983073 NLG983069:NLG983073 NVC983069:NVC983073 OEY983069:OEY983073 OOU983069:OOU983073 OYQ983069:OYQ983073 PIM983069:PIM983073 PSI983069:PSI983073 QCE983069:QCE983073 QMA983069:QMA983073 QVW983069:QVW983073 RFS983069:RFS983073 RPO983069:RPO983073 RZK983069:RZK983073 SJG983069:SJG983073 STC983069:STC983073 TCY983069:TCY983073 TMU983069:TMU983073 TWQ983069:TWQ983073 UGM983069:UGM983073 UQI983069:UQI983073 VAE983069:VAE983073 VKA983069:VKA983073 VTW983069:VTW983073 WDS983069:WDS983073 WNO983069:WNO983073 WXK983069:WXK983073 AQ29 KM29 UI29 AEE29 AOA29 AXW29 BHS29 BRO29 CBK29 CLG29 CVC29 DEY29 DOU29 DYQ29 EIM29 ESI29 FCE29 FMA29 FVW29 GFS29 GPO29 GZK29 HJG29 HTC29 ICY29 IMU29 IWQ29 JGM29 JQI29 KAE29 KKA29 KTW29 LDS29 LNO29 LXK29 MHG29 MRC29 NAY29 NKU29 NUQ29 OEM29 OOI29 OYE29 PIA29 PRW29 QBS29 QLO29 QVK29 RFG29 RPC29 RYY29 SIU29 SSQ29 TCM29 TMI29 TWE29 UGA29 UPW29 UZS29 VJO29 VTK29 WDG29 WNC29 WWY29 AQ65565 KM65565 UI65565 AEE65565 AOA65565 AXW65565 BHS65565 BRO65565 CBK65565 CLG65565 CVC65565 DEY65565 DOU65565 DYQ65565 EIM65565 ESI65565 FCE65565 FMA65565 FVW65565 GFS65565 GPO65565 GZK65565 HJG65565 HTC65565 ICY65565 IMU65565 IWQ65565 JGM65565 JQI65565 KAE65565 KKA65565 KTW65565 LDS65565 LNO65565 LXK65565 MHG65565 MRC65565 NAY65565 NKU65565 NUQ65565 OEM65565 OOI65565 OYE65565 PIA65565 PRW65565 QBS65565 QLO65565 QVK65565 RFG65565 RPC65565 RYY65565 SIU65565 SSQ65565 TCM65565 TMI65565 TWE65565 UGA65565 UPW65565 UZS65565 VJO65565 VTK65565 WDG65565 WNC65565 WWY65565 AQ131101 KM131101 UI131101 AEE131101 AOA131101 AXW131101 BHS131101 BRO131101 CBK131101 CLG131101 CVC131101 DEY131101 DOU131101 DYQ131101 EIM131101 ESI131101 FCE131101 FMA131101 FVW131101 GFS131101 GPO131101 GZK131101 HJG131101 HTC131101 ICY131101 IMU131101 IWQ131101 JGM131101 JQI131101 KAE131101 KKA131101 KTW131101 LDS131101 LNO131101 LXK131101 MHG131101 MRC131101 NAY131101 NKU131101 NUQ131101 OEM131101 OOI131101 OYE131101 PIA131101 PRW131101 QBS131101 QLO131101 QVK131101 RFG131101 RPC131101 RYY131101 SIU131101 SSQ131101 TCM131101 TMI131101 TWE131101 UGA131101 UPW131101 UZS131101 VJO131101 VTK131101 WDG131101 WNC131101 WWY131101 AQ196637 KM196637 UI196637 AEE196637 AOA196637 AXW196637 BHS196637 BRO196637 CBK196637 CLG196637 CVC196637 DEY196637 DOU196637 DYQ196637 EIM196637 ESI196637 FCE196637 FMA196637 FVW196637 GFS196637 GPO196637 GZK196637 HJG196637 HTC196637 ICY196637 IMU196637 IWQ196637 JGM196637 JQI196637 KAE196637 KKA196637 KTW196637 LDS196637 LNO196637 LXK196637 MHG196637 MRC196637 NAY196637 NKU196637 NUQ196637 OEM196637 OOI196637 OYE196637 PIA196637 PRW196637 QBS196637 QLO196637 QVK196637 RFG196637 RPC196637 RYY196637 SIU196637 SSQ196637 TCM196637 TMI196637 TWE196637 UGA196637 UPW196637 UZS196637 VJO196637 VTK196637 WDG196637 WNC196637 WWY196637 AQ262173 KM262173 UI262173 AEE262173 AOA262173 AXW262173 BHS262173 BRO262173 CBK262173 CLG262173 CVC262173 DEY262173 DOU262173 DYQ262173 EIM262173 ESI262173 FCE262173 FMA262173 FVW262173 GFS262173 GPO262173 GZK262173 HJG262173 HTC262173 ICY262173 IMU262173 IWQ262173 JGM262173 JQI262173 KAE262173 KKA262173 KTW262173 LDS262173 LNO262173 LXK262173 MHG262173 MRC262173 NAY262173 NKU262173 NUQ262173 OEM262173 OOI262173 OYE262173 PIA262173 PRW262173 QBS262173 QLO262173 QVK262173 RFG262173 RPC262173 RYY262173 SIU262173 SSQ262173 TCM262173 TMI262173 TWE262173 UGA262173 UPW262173 UZS262173 VJO262173 VTK262173 WDG262173 WNC262173 WWY262173 AQ327709 KM327709 UI327709 AEE327709 AOA327709 AXW327709 BHS327709 BRO327709 CBK327709 CLG327709 CVC327709 DEY327709 DOU327709 DYQ327709 EIM327709 ESI327709 FCE327709 FMA327709 FVW327709 GFS327709 GPO327709 GZK327709 HJG327709 HTC327709 ICY327709 IMU327709 IWQ327709 JGM327709 JQI327709 KAE327709 KKA327709 KTW327709 LDS327709 LNO327709 LXK327709 MHG327709 MRC327709 NAY327709 NKU327709 NUQ327709 OEM327709 OOI327709 OYE327709 PIA327709 PRW327709 QBS327709 QLO327709 QVK327709 RFG327709 RPC327709 RYY327709 SIU327709 SSQ327709 TCM327709 TMI327709 TWE327709 UGA327709 UPW327709 UZS327709 VJO327709 VTK327709 WDG327709 WNC327709 WWY327709 AQ393245 KM393245 UI393245 AEE393245 AOA393245 AXW393245 BHS393245 BRO393245 CBK393245 CLG393245 CVC393245 DEY393245 DOU393245 DYQ393245 EIM393245 ESI393245 FCE393245 FMA393245 FVW393245 GFS393245 GPO393245 GZK393245 HJG393245 HTC393245 ICY393245 IMU393245 IWQ393245 JGM393245 JQI393245 KAE393245 KKA393245 KTW393245 LDS393245 LNO393245 LXK393245 MHG393245 MRC393245 NAY393245 NKU393245 NUQ393245 OEM393245 OOI393245 OYE393245 PIA393245 PRW393245 QBS393245 QLO393245 QVK393245 RFG393245 RPC393245 RYY393245 SIU393245 SSQ393245 TCM393245 TMI393245 TWE393245 UGA393245 UPW393245 UZS393245 VJO393245 VTK393245 WDG393245 WNC393245 WWY393245 AQ458781 KM458781 UI458781 AEE458781 AOA458781 AXW458781 BHS458781 BRO458781 CBK458781 CLG458781 CVC458781 DEY458781 DOU458781 DYQ458781 EIM458781 ESI458781 FCE458781 FMA458781 FVW458781 GFS458781 GPO458781 GZK458781 HJG458781 HTC458781 ICY458781 IMU458781 IWQ458781 JGM458781 JQI458781 KAE458781 KKA458781 KTW458781 LDS458781 LNO458781 LXK458781 MHG458781 MRC458781 NAY458781 NKU458781 NUQ458781 OEM458781 OOI458781 OYE458781 PIA458781 PRW458781 QBS458781 QLO458781 QVK458781 RFG458781 RPC458781 RYY458781 SIU458781 SSQ458781 TCM458781 TMI458781 TWE458781 UGA458781 UPW458781 UZS458781 VJO458781 VTK458781 WDG458781 WNC458781 WWY458781 AQ524317 KM524317 UI524317 AEE524317 AOA524317 AXW524317 BHS524317 BRO524317 CBK524317 CLG524317 CVC524317 DEY524317 DOU524317 DYQ524317 EIM524317 ESI524317 FCE524317 FMA524317 FVW524317 GFS524317 GPO524317 GZK524317 HJG524317 HTC524317 ICY524317 IMU524317 IWQ524317 JGM524317 JQI524317 KAE524317 KKA524317 KTW524317 LDS524317 LNO524317 LXK524317 MHG524317 MRC524317 NAY524317 NKU524317 NUQ524317 OEM524317 OOI524317 OYE524317 PIA524317 PRW524317 QBS524317 QLO524317 QVK524317 RFG524317 RPC524317 RYY524317 SIU524317 SSQ524317 TCM524317 TMI524317 TWE524317 UGA524317 UPW524317 UZS524317 VJO524317 VTK524317 WDG524317 WNC524317 WWY524317 AQ589853 KM589853 UI589853 AEE589853 AOA589853 AXW589853 BHS589853 BRO589853 CBK589853 CLG589853 CVC589853 DEY589853 DOU589853 DYQ589853 EIM589853 ESI589853 FCE589853 FMA589853 FVW589853 GFS589853 GPO589853 GZK589853 HJG589853 HTC589853 ICY589853 IMU589853 IWQ589853 JGM589853 JQI589853 KAE589853 KKA589853 KTW589853 LDS589853 LNO589853 LXK589853 MHG589853 MRC589853 NAY589853 NKU589853 NUQ589853 OEM589853 OOI589853 OYE589853 PIA589853 PRW589853 QBS589853 QLO589853 QVK589853 RFG589853 RPC589853 RYY589853 SIU589853 SSQ589853 TCM589853 TMI589853 TWE589853 UGA589853 UPW589853 UZS589853 VJO589853 VTK589853 WDG589853 WNC589853 WWY589853 AQ655389 KM655389 UI655389 AEE655389 AOA655389 AXW655389 BHS655389 BRO655389 CBK655389 CLG655389 CVC655389 DEY655389 DOU655389 DYQ655389 EIM655389 ESI655389 FCE655389 FMA655389 FVW655389 GFS655389 GPO655389 GZK655389 HJG655389 HTC655389 ICY655389 IMU655389 IWQ655389 JGM655389 JQI655389 KAE655389 KKA655389 KTW655389 LDS655389 LNO655389 LXK655389 MHG655389 MRC655389 NAY655389 NKU655389 NUQ655389 OEM655389 OOI655389 OYE655389 PIA655389 PRW655389 QBS655389 QLO655389 QVK655389 RFG655389 RPC655389 RYY655389 SIU655389 SSQ655389 TCM655389 TMI655389 TWE655389 UGA655389 UPW655389 UZS655389 VJO655389 VTK655389 WDG655389 WNC655389 WWY655389 AQ720925 KM720925 UI720925 AEE720925 AOA720925 AXW720925 BHS720925 BRO720925 CBK720925 CLG720925 CVC720925 DEY720925 DOU720925 DYQ720925 EIM720925 ESI720925 FCE720925 FMA720925 FVW720925 GFS720925 GPO720925 GZK720925 HJG720925 HTC720925 ICY720925 IMU720925 IWQ720925 JGM720925 JQI720925 KAE720925 KKA720925 KTW720925 LDS720925 LNO720925 LXK720925 MHG720925 MRC720925 NAY720925 NKU720925 NUQ720925 OEM720925 OOI720925 OYE720925 PIA720925 PRW720925 QBS720925 QLO720925 QVK720925 RFG720925 RPC720925 RYY720925 SIU720925 SSQ720925 TCM720925 TMI720925 TWE720925 UGA720925 UPW720925 UZS720925 VJO720925 VTK720925 WDG720925 WNC720925 WWY720925 AQ786461 KM786461 UI786461 AEE786461 AOA786461 AXW786461 BHS786461 BRO786461 CBK786461 CLG786461 CVC786461 DEY786461 DOU786461 DYQ786461 EIM786461 ESI786461 FCE786461 FMA786461 FVW786461 GFS786461 GPO786461 GZK786461 HJG786461 HTC786461 ICY786461 IMU786461 IWQ786461 JGM786461 JQI786461 KAE786461 KKA786461 KTW786461 LDS786461 LNO786461 LXK786461 MHG786461 MRC786461 NAY786461 NKU786461 NUQ786461 OEM786461 OOI786461 OYE786461 PIA786461 PRW786461 QBS786461 QLO786461 QVK786461 RFG786461 RPC786461 RYY786461 SIU786461 SSQ786461 TCM786461 TMI786461 TWE786461 UGA786461 UPW786461 UZS786461 VJO786461 VTK786461 WDG786461 WNC786461 WWY786461 AQ851997 KM851997 UI851997 AEE851997 AOA851997 AXW851997 BHS851997 BRO851997 CBK851997 CLG851997 CVC851997 DEY851997 DOU851997 DYQ851997 EIM851997 ESI851997 FCE851997 FMA851997 FVW851997 GFS851997 GPO851997 GZK851997 HJG851997 HTC851997 ICY851997 IMU851997 IWQ851997 JGM851997 JQI851997 KAE851997 KKA851997 KTW851997 LDS851997 LNO851997 LXK851997 MHG851997 MRC851997 NAY851997 NKU851997 NUQ851997 OEM851997 OOI851997 OYE851997 PIA851997 PRW851997 QBS851997 QLO851997 QVK851997 RFG851997 RPC851997 RYY851997 SIU851997 SSQ851997 TCM851997 TMI851997 TWE851997 UGA851997 UPW851997 UZS851997 VJO851997 VTK851997 WDG851997 WNC851997 WWY851997 AQ917533 KM917533 UI917533 AEE917533 AOA917533 AXW917533 BHS917533 BRO917533 CBK917533 CLG917533 CVC917533 DEY917533 DOU917533 DYQ917533 EIM917533 ESI917533 FCE917533 FMA917533 FVW917533 GFS917533 GPO917533 GZK917533 HJG917533 HTC917533 ICY917533 IMU917533 IWQ917533 JGM917533 JQI917533 KAE917533 KKA917533 KTW917533 LDS917533 LNO917533 LXK917533 MHG917533 MRC917533 NAY917533 NKU917533 NUQ917533 OEM917533 OOI917533 OYE917533 PIA917533 PRW917533 QBS917533 QLO917533 QVK917533 RFG917533 RPC917533 RYY917533 SIU917533 SSQ917533 TCM917533 TMI917533 TWE917533 UGA917533 UPW917533 UZS917533 VJO917533 VTK917533 WDG917533 WNC917533 WWY917533 AQ983069 KM983069 UI983069 AEE983069 AOA983069 AXW983069 BHS983069 BRO983069 CBK983069 CLG983069 CVC983069 DEY983069 DOU983069 DYQ983069 EIM983069 ESI983069 FCE983069 FMA983069 FVW983069 GFS983069 GPO983069 GZK983069 HJG983069 HTC983069 ICY983069 IMU983069 IWQ983069 JGM983069 JQI983069 KAE983069 KKA983069 KTW983069 LDS983069 LNO983069 LXK983069 MHG983069 MRC983069 NAY983069 NKU983069 NUQ983069 OEM983069 OOI983069 OYE983069 PIA983069 PRW983069 QBS983069 QLO983069 QVK983069 RFG983069 RPC983069 RYY983069 SIU983069 SSQ983069 TCM983069 TMI983069 TWE983069 UGA983069 UPW983069 UZS983069 VJO983069 VTK983069 WDG983069 WNC983069 WWY983069" xr:uid="{66439190-20C4-4C18-9864-C02972C2BF6F}">
      <formula1>"○,"</formula1>
    </dataValidation>
    <dataValidation type="list" allowBlank="1" showInputMessage="1" showErrorMessage="1" sqref="AC90:AF91 JY90:KB91 TU90:TX91 ADQ90:ADT91 ANM90:ANP91 AXI90:AXL91 BHE90:BHH91 BRA90:BRD91 CAW90:CAZ91 CKS90:CKV91 CUO90:CUR91 DEK90:DEN91 DOG90:DOJ91 DYC90:DYF91 EHY90:EIB91 ERU90:ERX91 FBQ90:FBT91 FLM90:FLP91 FVI90:FVL91 GFE90:GFH91 GPA90:GPD91 GYW90:GYZ91 HIS90:HIV91 HSO90:HSR91 ICK90:ICN91 IMG90:IMJ91 IWC90:IWF91 JFY90:JGB91 JPU90:JPX91 JZQ90:JZT91 KJM90:KJP91 KTI90:KTL91 LDE90:LDH91 LNA90:LND91 LWW90:LWZ91 MGS90:MGV91 MQO90:MQR91 NAK90:NAN91 NKG90:NKJ91 NUC90:NUF91 ODY90:OEB91 ONU90:ONX91 OXQ90:OXT91 PHM90:PHP91 PRI90:PRL91 QBE90:QBH91 QLA90:QLD91 QUW90:QUZ91 RES90:REV91 ROO90:ROR91 RYK90:RYN91 SIG90:SIJ91 SSC90:SSF91 TBY90:TCB91 TLU90:TLX91 TVQ90:TVT91 UFM90:UFP91 UPI90:UPL91 UZE90:UZH91 VJA90:VJD91 VSW90:VSZ91 WCS90:WCV91 WMO90:WMR91 WWK90:WWN91 AC65626:AF65627 JY65626:KB65627 TU65626:TX65627 ADQ65626:ADT65627 ANM65626:ANP65627 AXI65626:AXL65627 BHE65626:BHH65627 BRA65626:BRD65627 CAW65626:CAZ65627 CKS65626:CKV65627 CUO65626:CUR65627 DEK65626:DEN65627 DOG65626:DOJ65627 DYC65626:DYF65627 EHY65626:EIB65627 ERU65626:ERX65627 FBQ65626:FBT65627 FLM65626:FLP65627 FVI65626:FVL65627 GFE65626:GFH65627 GPA65626:GPD65627 GYW65626:GYZ65627 HIS65626:HIV65627 HSO65626:HSR65627 ICK65626:ICN65627 IMG65626:IMJ65627 IWC65626:IWF65627 JFY65626:JGB65627 JPU65626:JPX65627 JZQ65626:JZT65627 KJM65626:KJP65627 KTI65626:KTL65627 LDE65626:LDH65627 LNA65626:LND65627 LWW65626:LWZ65627 MGS65626:MGV65627 MQO65626:MQR65627 NAK65626:NAN65627 NKG65626:NKJ65627 NUC65626:NUF65627 ODY65626:OEB65627 ONU65626:ONX65627 OXQ65626:OXT65627 PHM65626:PHP65627 PRI65626:PRL65627 QBE65626:QBH65627 QLA65626:QLD65627 QUW65626:QUZ65627 RES65626:REV65627 ROO65626:ROR65627 RYK65626:RYN65627 SIG65626:SIJ65627 SSC65626:SSF65627 TBY65626:TCB65627 TLU65626:TLX65627 TVQ65626:TVT65627 UFM65626:UFP65627 UPI65626:UPL65627 UZE65626:UZH65627 VJA65626:VJD65627 VSW65626:VSZ65627 WCS65626:WCV65627 WMO65626:WMR65627 WWK65626:WWN65627 AC131162:AF131163 JY131162:KB131163 TU131162:TX131163 ADQ131162:ADT131163 ANM131162:ANP131163 AXI131162:AXL131163 BHE131162:BHH131163 BRA131162:BRD131163 CAW131162:CAZ131163 CKS131162:CKV131163 CUO131162:CUR131163 DEK131162:DEN131163 DOG131162:DOJ131163 DYC131162:DYF131163 EHY131162:EIB131163 ERU131162:ERX131163 FBQ131162:FBT131163 FLM131162:FLP131163 FVI131162:FVL131163 GFE131162:GFH131163 GPA131162:GPD131163 GYW131162:GYZ131163 HIS131162:HIV131163 HSO131162:HSR131163 ICK131162:ICN131163 IMG131162:IMJ131163 IWC131162:IWF131163 JFY131162:JGB131163 JPU131162:JPX131163 JZQ131162:JZT131163 KJM131162:KJP131163 KTI131162:KTL131163 LDE131162:LDH131163 LNA131162:LND131163 LWW131162:LWZ131163 MGS131162:MGV131163 MQO131162:MQR131163 NAK131162:NAN131163 NKG131162:NKJ131163 NUC131162:NUF131163 ODY131162:OEB131163 ONU131162:ONX131163 OXQ131162:OXT131163 PHM131162:PHP131163 PRI131162:PRL131163 QBE131162:QBH131163 QLA131162:QLD131163 QUW131162:QUZ131163 RES131162:REV131163 ROO131162:ROR131163 RYK131162:RYN131163 SIG131162:SIJ131163 SSC131162:SSF131163 TBY131162:TCB131163 TLU131162:TLX131163 TVQ131162:TVT131163 UFM131162:UFP131163 UPI131162:UPL131163 UZE131162:UZH131163 VJA131162:VJD131163 VSW131162:VSZ131163 WCS131162:WCV131163 WMO131162:WMR131163 WWK131162:WWN131163 AC196698:AF196699 JY196698:KB196699 TU196698:TX196699 ADQ196698:ADT196699 ANM196698:ANP196699 AXI196698:AXL196699 BHE196698:BHH196699 BRA196698:BRD196699 CAW196698:CAZ196699 CKS196698:CKV196699 CUO196698:CUR196699 DEK196698:DEN196699 DOG196698:DOJ196699 DYC196698:DYF196699 EHY196698:EIB196699 ERU196698:ERX196699 FBQ196698:FBT196699 FLM196698:FLP196699 FVI196698:FVL196699 GFE196698:GFH196699 GPA196698:GPD196699 GYW196698:GYZ196699 HIS196698:HIV196699 HSO196698:HSR196699 ICK196698:ICN196699 IMG196698:IMJ196699 IWC196698:IWF196699 JFY196698:JGB196699 JPU196698:JPX196699 JZQ196698:JZT196699 KJM196698:KJP196699 KTI196698:KTL196699 LDE196698:LDH196699 LNA196698:LND196699 LWW196698:LWZ196699 MGS196698:MGV196699 MQO196698:MQR196699 NAK196698:NAN196699 NKG196698:NKJ196699 NUC196698:NUF196699 ODY196698:OEB196699 ONU196698:ONX196699 OXQ196698:OXT196699 PHM196698:PHP196699 PRI196698:PRL196699 QBE196698:QBH196699 QLA196698:QLD196699 QUW196698:QUZ196699 RES196698:REV196699 ROO196698:ROR196699 RYK196698:RYN196699 SIG196698:SIJ196699 SSC196698:SSF196699 TBY196698:TCB196699 TLU196698:TLX196699 TVQ196698:TVT196699 UFM196698:UFP196699 UPI196698:UPL196699 UZE196698:UZH196699 VJA196698:VJD196699 VSW196698:VSZ196699 WCS196698:WCV196699 WMO196698:WMR196699 WWK196698:WWN196699 AC262234:AF262235 JY262234:KB262235 TU262234:TX262235 ADQ262234:ADT262235 ANM262234:ANP262235 AXI262234:AXL262235 BHE262234:BHH262235 BRA262234:BRD262235 CAW262234:CAZ262235 CKS262234:CKV262235 CUO262234:CUR262235 DEK262234:DEN262235 DOG262234:DOJ262235 DYC262234:DYF262235 EHY262234:EIB262235 ERU262234:ERX262235 FBQ262234:FBT262235 FLM262234:FLP262235 FVI262234:FVL262235 GFE262234:GFH262235 GPA262234:GPD262235 GYW262234:GYZ262235 HIS262234:HIV262235 HSO262234:HSR262235 ICK262234:ICN262235 IMG262234:IMJ262235 IWC262234:IWF262235 JFY262234:JGB262235 JPU262234:JPX262235 JZQ262234:JZT262235 KJM262234:KJP262235 KTI262234:KTL262235 LDE262234:LDH262235 LNA262234:LND262235 LWW262234:LWZ262235 MGS262234:MGV262235 MQO262234:MQR262235 NAK262234:NAN262235 NKG262234:NKJ262235 NUC262234:NUF262235 ODY262234:OEB262235 ONU262234:ONX262235 OXQ262234:OXT262235 PHM262234:PHP262235 PRI262234:PRL262235 QBE262234:QBH262235 QLA262234:QLD262235 QUW262234:QUZ262235 RES262234:REV262235 ROO262234:ROR262235 RYK262234:RYN262235 SIG262234:SIJ262235 SSC262234:SSF262235 TBY262234:TCB262235 TLU262234:TLX262235 TVQ262234:TVT262235 UFM262234:UFP262235 UPI262234:UPL262235 UZE262234:UZH262235 VJA262234:VJD262235 VSW262234:VSZ262235 WCS262234:WCV262235 WMO262234:WMR262235 WWK262234:WWN262235 AC327770:AF327771 JY327770:KB327771 TU327770:TX327771 ADQ327770:ADT327771 ANM327770:ANP327771 AXI327770:AXL327771 BHE327770:BHH327771 BRA327770:BRD327771 CAW327770:CAZ327771 CKS327770:CKV327771 CUO327770:CUR327771 DEK327770:DEN327771 DOG327770:DOJ327771 DYC327770:DYF327771 EHY327770:EIB327771 ERU327770:ERX327771 FBQ327770:FBT327771 FLM327770:FLP327771 FVI327770:FVL327771 GFE327770:GFH327771 GPA327770:GPD327771 GYW327770:GYZ327771 HIS327770:HIV327771 HSO327770:HSR327771 ICK327770:ICN327771 IMG327770:IMJ327771 IWC327770:IWF327771 JFY327770:JGB327771 JPU327770:JPX327771 JZQ327770:JZT327771 KJM327770:KJP327771 KTI327770:KTL327771 LDE327770:LDH327771 LNA327770:LND327771 LWW327770:LWZ327771 MGS327770:MGV327771 MQO327770:MQR327771 NAK327770:NAN327771 NKG327770:NKJ327771 NUC327770:NUF327771 ODY327770:OEB327771 ONU327770:ONX327771 OXQ327770:OXT327771 PHM327770:PHP327771 PRI327770:PRL327771 QBE327770:QBH327771 QLA327770:QLD327771 QUW327770:QUZ327771 RES327770:REV327771 ROO327770:ROR327771 RYK327770:RYN327771 SIG327770:SIJ327771 SSC327770:SSF327771 TBY327770:TCB327771 TLU327770:TLX327771 TVQ327770:TVT327771 UFM327770:UFP327771 UPI327770:UPL327771 UZE327770:UZH327771 VJA327770:VJD327771 VSW327770:VSZ327771 WCS327770:WCV327771 WMO327770:WMR327771 WWK327770:WWN327771 AC393306:AF393307 JY393306:KB393307 TU393306:TX393307 ADQ393306:ADT393307 ANM393306:ANP393307 AXI393306:AXL393307 BHE393306:BHH393307 BRA393306:BRD393307 CAW393306:CAZ393307 CKS393306:CKV393307 CUO393306:CUR393307 DEK393306:DEN393307 DOG393306:DOJ393307 DYC393306:DYF393307 EHY393306:EIB393307 ERU393306:ERX393307 FBQ393306:FBT393307 FLM393306:FLP393307 FVI393306:FVL393307 GFE393306:GFH393307 GPA393306:GPD393307 GYW393306:GYZ393307 HIS393306:HIV393307 HSO393306:HSR393307 ICK393306:ICN393307 IMG393306:IMJ393307 IWC393306:IWF393307 JFY393306:JGB393307 JPU393306:JPX393307 JZQ393306:JZT393307 KJM393306:KJP393307 KTI393306:KTL393307 LDE393306:LDH393307 LNA393306:LND393307 LWW393306:LWZ393307 MGS393306:MGV393307 MQO393306:MQR393307 NAK393306:NAN393307 NKG393306:NKJ393307 NUC393306:NUF393307 ODY393306:OEB393307 ONU393306:ONX393307 OXQ393306:OXT393307 PHM393306:PHP393307 PRI393306:PRL393307 QBE393306:QBH393307 QLA393306:QLD393307 QUW393306:QUZ393307 RES393306:REV393307 ROO393306:ROR393307 RYK393306:RYN393307 SIG393306:SIJ393307 SSC393306:SSF393307 TBY393306:TCB393307 TLU393306:TLX393307 TVQ393306:TVT393307 UFM393306:UFP393307 UPI393306:UPL393307 UZE393306:UZH393307 VJA393306:VJD393307 VSW393306:VSZ393307 WCS393306:WCV393307 WMO393306:WMR393307 WWK393306:WWN393307 AC458842:AF458843 JY458842:KB458843 TU458842:TX458843 ADQ458842:ADT458843 ANM458842:ANP458843 AXI458842:AXL458843 BHE458842:BHH458843 BRA458842:BRD458843 CAW458842:CAZ458843 CKS458842:CKV458843 CUO458842:CUR458843 DEK458842:DEN458843 DOG458842:DOJ458843 DYC458842:DYF458843 EHY458842:EIB458843 ERU458842:ERX458843 FBQ458842:FBT458843 FLM458842:FLP458843 FVI458842:FVL458843 GFE458842:GFH458843 GPA458842:GPD458843 GYW458842:GYZ458843 HIS458842:HIV458843 HSO458842:HSR458843 ICK458842:ICN458843 IMG458842:IMJ458843 IWC458842:IWF458843 JFY458842:JGB458843 JPU458842:JPX458843 JZQ458842:JZT458843 KJM458842:KJP458843 KTI458842:KTL458843 LDE458842:LDH458843 LNA458842:LND458843 LWW458842:LWZ458843 MGS458842:MGV458843 MQO458842:MQR458843 NAK458842:NAN458843 NKG458842:NKJ458843 NUC458842:NUF458843 ODY458842:OEB458843 ONU458842:ONX458843 OXQ458842:OXT458843 PHM458842:PHP458843 PRI458842:PRL458843 QBE458842:QBH458843 QLA458842:QLD458843 QUW458842:QUZ458843 RES458842:REV458843 ROO458842:ROR458843 RYK458842:RYN458843 SIG458842:SIJ458843 SSC458842:SSF458843 TBY458842:TCB458843 TLU458842:TLX458843 TVQ458842:TVT458843 UFM458842:UFP458843 UPI458842:UPL458843 UZE458842:UZH458843 VJA458842:VJD458843 VSW458842:VSZ458843 WCS458842:WCV458843 WMO458842:WMR458843 WWK458842:WWN458843 AC524378:AF524379 JY524378:KB524379 TU524378:TX524379 ADQ524378:ADT524379 ANM524378:ANP524379 AXI524378:AXL524379 BHE524378:BHH524379 BRA524378:BRD524379 CAW524378:CAZ524379 CKS524378:CKV524379 CUO524378:CUR524379 DEK524378:DEN524379 DOG524378:DOJ524379 DYC524378:DYF524379 EHY524378:EIB524379 ERU524378:ERX524379 FBQ524378:FBT524379 FLM524378:FLP524379 FVI524378:FVL524379 GFE524378:GFH524379 GPA524378:GPD524379 GYW524378:GYZ524379 HIS524378:HIV524379 HSO524378:HSR524379 ICK524378:ICN524379 IMG524378:IMJ524379 IWC524378:IWF524379 JFY524378:JGB524379 JPU524378:JPX524379 JZQ524378:JZT524379 KJM524378:KJP524379 KTI524378:KTL524379 LDE524378:LDH524379 LNA524378:LND524379 LWW524378:LWZ524379 MGS524378:MGV524379 MQO524378:MQR524379 NAK524378:NAN524379 NKG524378:NKJ524379 NUC524378:NUF524379 ODY524378:OEB524379 ONU524378:ONX524379 OXQ524378:OXT524379 PHM524378:PHP524379 PRI524378:PRL524379 QBE524378:QBH524379 QLA524378:QLD524379 QUW524378:QUZ524379 RES524378:REV524379 ROO524378:ROR524379 RYK524378:RYN524379 SIG524378:SIJ524379 SSC524378:SSF524379 TBY524378:TCB524379 TLU524378:TLX524379 TVQ524378:TVT524379 UFM524378:UFP524379 UPI524378:UPL524379 UZE524378:UZH524379 VJA524378:VJD524379 VSW524378:VSZ524379 WCS524378:WCV524379 WMO524378:WMR524379 WWK524378:WWN524379 AC589914:AF589915 JY589914:KB589915 TU589914:TX589915 ADQ589914:ADT589915 ANM589914:ANP589915 AXI589914:AXL589915 BHE589914:BHH589915 BRA589914:BRD589915 CAW589914:CAZ589915 CKS589914:CKV589915 CUO589914:CUR589915 DEK589914:DEN589915 DOG589914:DOJ589915 DYC589914:DYF589915 EHY589914:EIB589915 ERU589914:ERX589915 FBQ589914:FBT589915 FLM589914:FLP589915 FVI589914:FVL589915 GFE589914:GFH589915 GPA589914:GPD589915 GYW589914:GYZ589915 HIS589914:HIV589915 HSO589914:HSR589915 ICK589914:ICN589915 IMG589914:IMJ589915 IWC589914:IWF589915 JFY589914:JGB589915 JPU589914:JPX589915 JZQ589914:JZT589915 KJM589914:KJP589915 KTI589914:KTL589915 LDE589914:LDH589915 LNA589914:LND589915 LWW589914:LWZ589915 MGS589914:MGV589915 MQO589914:MQR589915 NAK589914:NAN589915 NKG589914:NKJ589915 NUC589914:NUF589915 ODY589914:OEB589915 ONU589914:ONX589915 OXQ589914:OXT589915 PHM589914:PHP589915 PRI589914:PRL589915 QBE589914:QBH589915 QLA589914:QLD589915 QUW589914:QUZ589915 RES589914:REV589915 ROO589914:ROR589915 RYK589914:RYN589915 SIG589914:SIJ589915 SSC589914:SSF589915 TBY589914:TCB589915 TLU589914:TLX589915 TVQ589914:TVT589915 UFM589914:UFP589915 UPI589914:UPL589915 UZE589914:UZH589915 VJA589914:VJD589915 VSW589914:VSZ589915 WCS589914:WCV589915 WMO589914:WMR589915 WWK589914:WWN589915 AC655450:AF655451 JY655450:KB655451 TU655450:TX655451 ADQ655450:ADT655451 ANM655450:ANP655451 AXI655450:AXL655451 BHE655450:BHH655451 BRA655450:BRD655451 CAW655450:CAZ655451 CKS655450:CKV655451 CUO655450:CUR655451 DEK655450:DEN655451 DOG655450:DOJ655451 DYC655450:DYF655451 EHY655450:EIB655451 ERU655450:ERX655451 FBQ655450:FBT655451 FLM655450:FLP655451 FVI655450:FVL655451 GFE655450:GFH655451 GPA655450:GPD655451 GYW655450:GYZ655451 HIS655450:HIV655451 HSO655450:HSR655451 ICK655450:ICN655451 IMG655450:IMJ655451 IWC655450:IWF655451 JFY655450:JGB655451 JPU655450:JPX655451 JZQ655450:JZT655451 KJM655450:KJP655451 KTI655450:KTL655451 LDE655450:LDH655451 LNA655450:LND655451 LWW655450:LWZ655451 MGS655450:MGV655451 MQO655450:MQR655451 NAK655450:NAN655451 NKG655450:NKJ655451 NUC655450:NUF655451 ODY655450:OEB655451 ONU655450:ONX655451 OXQ655450:OXT655451 PHM655450:PHP655451 PRI655450:PRL655451 QBE655450:QBH655451 QLA655450:QLD655451 QUW655450:QUZ655451 RES655450:REV655451 ROO655450:ROR655451 RYK655450:RYN655451 SIG655450:SIJ655451 SSC655450:SSF655451 TBY655450:TCB655451 TLU655450:TLX655451 TVQ655450:TVT655451 UFM655450:UFP655451 UPI655450:UPL655451 UZE655450:UZH655451 VJA655450:VJD655451 VSW655450:VSZ655451 WCS655450:WCV655451 WMO655450:WMR655451 WWK655450:WWN655451 AC720986:AF720987 JY720986:KB720987 TU720986:TX720987 ADQ720986:ADT720987 ANM720986:ANP720987 AXI720986:AXL720987 BHE720986:BHH720987 BRA720986:BRD720987 CAW720986:CAZ720987 CKS720986:CKV720987 CUO720986:CUR720987 DEK720986:DEN720987 DOG720986:DOJ720987 DYC720986:DYF720987 EHY720986:EIB720987 ERU720986:ERX720987 FBQ720986:FBT720987 FLM720986:FLP720987 FVI720986:FVL720987 GFE720986:GFH720987 GPA720986:GPD720987 GYW720986:GYZ720987 HIS720986:HIV720987 HSO720986:HSR720987 ICK720986:ICN720987 IMG720986:IMJ720987 IWC720986:IWF720987 JFY720986:JGB720987 JPU720986:JPX720987 JZQ720986:JZT720987 KJM720986:KJP720987 KTI720986:KTL720987 LDE720986:LDH720987 LNA720986:LND720987 LWW720986:LWZ720987 MGS720986:MGV720987 MQO720986:MQR720987 NAK720986:NAN720987 NKG720986:NKJ720987 NUC720986:NUF720987 ODY720986:OEB720987 ONU720986:ONX720987 OXQ720986:OXT720987 PHM720986:PHP720987 PRI720986:PRL720987 QBE720986:QBH720987 QLA720986:QLD720987 QUW720986:QUZ720987 RES720986:REV720987 ROO720986:ROR720987 RYK720986:RYN720987 SIG720986:SIJ720987 SSC720986:SSF720987 TBY720986:TCB720987 TLU720986:TLX720987 TVQ720986:TVT720987 UFM720986:UFP720987 UPI720986:UPL720987 UZE720986:UZH720987 VJA720986:VJD720987 VSW720986:VSZ720987 WCS720986:WCV720987 WMO720986:WMR720987 WWK720986:WWN720987 AC786522:AF786523 JY786522:KB786523 TU786522:TX786523 ADQ786522:ADT786523 ANM786522:ANP786523 AXI786522:AXL786523 BHE786522:BHH786523 BRA786522:BRD786523 CAW786522:CAZ786523 CKS786522:CKV786523 CUO786522:CUR786523 DEK786522:DEN786523 DOG786522:DOJ786523 DYC786522:DYF786523 EHY786522:EIB786523 ERU786522:ERX786523 FBQ786522:FBT786523 FLM786522:FLP786523 FVI786522:FVL786523 GFE786522:GFH786523 GPA786522:GPD786523 GYW786522:GYZ786523 HIS786522:HIV786523 HSO786522:HSR786523 ICK786522:ICN786523 IMG786522:IMJ786523 IWC786522:IWF786523 JFY786522:JGB786523 JPU786522:JPX786523 JZQ786522:JZT786523 KJM786522:KJP786523 KTI786522:KTL786523 LDE786522:LDH786523 LNA786522:LND786523 LWW786522:LWZ786523 MGS786522:MGV786523 MQO786522:MQR786523 NAK786522:NAN786523 NKG786522:NKJ786523 NUC786522:NUF786523 ODY786522:OEB786523 ONU786522:ONX786523 OXQ786522:OXT786523 PHM786522:PHP786523 PRI786522:PRL786523 QBE786522:QBH786523 QLA786522:QLD786523 QUW786522:QUZ786523 RES786522:REV786523 ROO786522:ROR786523 RYK786522:RYN786523 SIG786522:SIJ786523 SSC786522:SSF786523 TBY786522:TCB786523 TLU786522:TLX786523 TVQ786522:TVT786523 UFM786522:UFP786523 UPI786522:UPL786523 UZE786522:UZH786523 VJA786522:VJD786523 VSW786522:VSZ786523 WCS786522:WCV786523 WMO786522:WMR786523 WWK786522:WWN786523 AC852058:AF852059 JY852058:KB852059 TU852058:TX852059 ADQ852058:ADT852059 ANM852058:ANP852059 AXI852058:AXL852059 BHE852058:BHH852059 BRA852058:BRD852059 CAW852058:CAZ852059 CKS852058:CKV852059 CUO852058:CUR852059 DEK852058:DEN852059 DOG852058:DOJ852059 DYC852058:DYF852059 EHY852058:EIB852059 ERU852058:ERX852059 FBQ852058:FBT852059 FLM852058:FLP852059 FVI852058:FVL852059 GFE852058:GFH852059 GPA852058:GPD852059 GYW852058:GYZ852059 HIS852058:HIV852059 HSO852058:HSR852059 ICK852058:ICN852059 IMG852058:IMJ852059 IWC852058:IWF852059 JFY852058:JGB852059 JPU852058:JPX852059 JZQ852058:JZT852059 KJM852058:KJP852059 KTI852058:KTL852059 LDE852058:LDH852059 LNA852058:LND852059 LWW852058:LWZ852059 MGS852058:MGV852059 MQO852058:MQR852059 NAK852058:NAN852059 NKG852058:NKJ852059 NUC852058:NUF852059 ODY852058:OEB852059 ONU852058:ONX852059 OXQ852058:OXT852059 PHM852058:PHP852059 PRI852058:PRL852059 QBE852058:QBH852059 QLA852058:QLD852059 QUW852058:QUZ852059 RES852058:REV852059 ROO852058:ROR852059 RYK852058:RYN852059 SIG852058:SIJ852059 SSC852058:SSF852059 TBY852058:TCB852059 TLU852058:TLX852059 TVQ852058:TVT852059 UFM852058:UFP852059 UPI852058:UPL852059 UZE852058:UZH852059 VJA852058:VJD852059 VSW852058:VSZ852059 WCS852058:WCV852059 WMO852058:WMR852059 WWK852058:WWN852059 AC917594:AF917595 JY917594:KB917595 TU917594:TX917595 ADQ917594:ADT917595 ANM917594:ANP917595 AXI917594:AXL917595 BHE917594:BHH917595 BRA917594:BRD917595 CAW917594:CAZ917595 CKS917594:CKV917595 CUO917594:CUR917595 DEK917594:DEN917595 DOG917594:DOJ917595 DYC917594:DYF917595 EHY917594:EIB917595 ERU917594:ERX917595 FBQ917594:FBT917595 FLM917594:FLP917595 FVI917594:FVL917595 GFE917594:GFH917595 GPA917594:GPD917595 GYW917594:GYZ917595 HIS917594:HIV917595 HSO917594:HSR917595 ICK917594:ICN917595 IMG917594:IMJ917595 IWC917594:IWF917595 JFY917594:JGB917595 JPU917594:JPX917595 JZQ917594:JZT917595 KJM917594:KJP917595 KTI917594:KTL917595 LDE917594:LDH917595 LNA917594:LND917595 LWW917594:LWZ917595 MGS917594:MGV917595 MQO917594:MQR917595 NAK917594:NAN917595 NKG917594:NKJ917595 NUC917594:NUF917595 ODY917594:OEB917595 ONU917594:ONX917595 OXQ917594:OXT917595 PHM917594:PHP917595 PRI917594:PRL917595 QBE917594:QBH917595 QLA917594:QLD917595 QUW917594:QUZ917595 RES917594:REV917595 ROO917594:ROR917595 RYK917594:RYN917595 SIG917594:SIJ917595 SSC917594:SSF917595 TBY917594:TCB917595 TLU917594:TLX917595 TVQ917594:TVT917595 UFM917594:UFP917595 UPI917594:UPL917595 UZE917594:UZH917595 VJA917594:VJD917595 VSW917594:VSZ917595 WCS917594:WCV917595 WMO917594:WMR917595 WWK917594:WWN917595 AC983130:AF983131 JY983130:KB983131 TU983130:TX983131 ADQ983130:ADT983131 ANM983130:ANP983131 AXI983130:AXL983131 BHE983130:BHH983131 BRA983130:BRD983131 CAW983130:CAZ983131 CKS983130:CKV983131 CUO983130:CUR983131 DEK983130:DEN983131 DOG983130:DOJ983131 DYC983130:DYF983131 EHY983130:EIB983131 ERU983130:ERX983131 FBQ983130:FBT983131 FLM983130:FLP983131 FVI983130:FVL983131 GFE983130:GFH983131 GPA983130:GPD983131 GYW983130:GYZ983131 HIS983130:HIV983131 HSO983130:HSR983131 ICK983130:ICN983131 IMG983130:IMJ983131 IWC983130:IWF983131 JFY983130:JGB983131 JPU983130:JPX983131 JZQ983130:JZT983131 KJM983130:KJP983131 KTI983130:KTL983131 LDE983130:LDH983131 LNA983130:LND983131 LWW983130:LWZ983131 MGS983130:MGV983131 MQO983130:MQR983131 NAK983130:NAN983131 NKG983130:NKJ983131 NUC983130:NUF983131 ODY983130:OEB983131 ONU983130:ONX983131 OXQ983130:OXT983131 PHM983130:PHP983131 PRI983130:PRL983131 QBE983130:QBH983131 QLA983130:QLD983131 QUW983130:QUZ983131 RES983130:REV983131 ROO983130:ROR983131 RYK983130:RYN983131 SIG983130:SIJ983131 SSC983130:SSF983131 TBY983130:TCB983131 TLU983130:TLX983131 TVQ983130:TVT983131 UFM983130:UFP983131 UPI983130:UPL983131 UZE983130:UZH983131 VJA983130:VJD983131 VSW983130:VSZ983131 WCS983130:WCV983131 WMO983130:WMR983131 WWK983130:WWN983131" xr:uid="{40B81E8D-7B93-484E-A740-C54703B63595}">
      <formula1>"●"</formula1>
    </dataValidation>
    <dataValidation type="list" allowBlank="1" showInputMessage="1" showErrorMessage="1" sqref="EV38 OR38 YN38 AIJ38 ASF38 BCB38 BLX38 BVT38 CFP38 CPL38 CZH38 DJD38 DSZ38 ECV38 EMR38 EWN38 FGJ38 FQF38 GAB38 GJX38 GTT38 HDP38 HNL38 HXH38 IHD38 IQZ38 JAV38 JKR38 JUN38 KEJ38 KOF38 KYB38 LHX38 LRT38 MBP38 MLL38 MVH38 NFD38 NOZ38 NYV38 OIR38 OSN38 PCJ38 PMF38 PWB38 QFX38 QPT38 QZP38 RJL38 RTH38 SDD38 SMZ38 SWV38 TGR38 TQN38 UAJ38 UKF38 UUB38 VDX38 VNT38 VXP38 WHL38 WRH38 XBD38 EV65574 OR65574 YN65574 AIJ65574 ASF65574 BCB65574 BLX65574 BVT65574 CFP65574 CPL65574 CZH65574 DJD65574 DSZ65574 ECV65574 EMR65574 EWN65574 FGJ65574 FQF65574 GAB65574 GJX65574 GTT65574 HDP65574 HNL65574 HXH65574 IHD65574 IQZ65574 JAV65574 JKR65574 JUN65574 KEJ65574 KOF65574 KYB65574 LHX65574 LRT65574 MBP65574 MLL65574 MVH65574 NFD65574 NOZ65574 NYV65574 OIR65574 OSN65574 PCJ65574 PMF65574 PWB65574 QFX65574 QPT65574 QZP65574 RJL65574 RTH65574 SDD65574 SMZ65574 SWV65574 TGR65574 TQN65574 UAJ65574 UKF65574 UUB65574 VDX65574 VNT65574 VXP65574 WHL65574 WRH65574 XBD65574 EV131110 OR131110 YN131110 AIJ131110 ASF131110 BCB131110 BLX131110 BVT131110 CFP131110 CPL131110 CZH131110 DJD131110 DSZ131110 ECV131110 EMR131110 EWN131110 FGJ131110 FQF131110 GAB131110 GJX131110 GTT131110 HDP131110 HNL131110 HXH131110 IHD131110 IQZ131110 JAV131110 JKR131110 JUN131110 KEJ131110 KOF131110 KYB131110 LHX131110 LRT131110 MBP131110 MLL131110 MVH131110 NFD131110 NOZ131110 NYV131110 OIR131110 OSN131110 PCJ131110 PMF131110 PWB131110 QFX131110 QPT131110 QZP131110 RJL131110 RTH131110 SDD131110 SMZ131110 SWV131110 TGR131110 TQN131110 UAJ131110 UKF131110 UUB131110 VDX131110 VNT131110 VXP131110 WHL131110 WRH131110 XBD131110 EV196646 OR196646 YN196646 AIJ196646 ASF196646 BCB196646 BLX196646 BVT196646 CFP196646 CPL196646 CZH196646 DJD196646 DSZ196646 ECV196646 EMR196646 EWN196646 FGJ196646 FQF196646 GAB196646 GJX196646 GTT196646 HDP196646 HNL196646 HXH196646 IHD196646 IQZ196646 JAV196646 JKR196646 JUN196646 KEJ196646 KOF196646 KYB196646 LHX196646 LRT196646 MBP196646 MLL196646 MVH196646 NFD196646 NOZ196646 NYV196646 OIR196646 OSN196646 PCJ196646 PMF196646 PWB196646 QFX196646 QPT196646 QZP196646 RJL196646 RTH196646 SDD196646 SMZ196646 SWV196646 TGR196646 TQN196646 UAJ196646 UKF196646 UUB196646 VDX196646 VNT196646 VXP196646 WHL196646 WRH196646 XBD196646 EV262182 OR262182 YN262182 AIJ262182 ASF262182 BCB262182 BLX262182 BVT262182 CFP262182 CPL262182 CZH262182 DJD262182 DSZ262182 ECV262182 EMR262182 EWN262182 FGJ262182 FQF262182 GAB262182 GJX262182 GTT262182 HDP262182 HNL262182 HXH262182 IHD262182 IQZ262182 JAV262182 JKR262182 JUN262182 KEJ262182 KOF262182 KYB262182 LHX262182 LRT262182 MBP262182 MLL262182 MVH262182 NFD262182 NOZ262182 NYV262182 OIR262182 OSN262182 PCJ262182 PMF262182 PWB262182 QFX262182 QPT262182 QZP262182 RJL262182 RTH262182 SDD262182 SMZ262182 SWV262182 TGR262182 TQN262182 UAJ262182 UKF262182 UUB262182 VDX262182 VNT262182 VXP262182 WHL262182 WRH262182 XBD262182 EV327718 OR327718 YN327718 AIJ327718 ASF327718 BCB327718 BLX327718 BVT327718 CFP327718 CPL327718 CZH327718 DJD327718 DSZ327718 ECV327718 EMR327718 EWN327718 FGJ327718 FQF327718 GAB327718 GJX327718 GTT327718 HDP327718 HNL327718 HXH327718 IHD327718 IQZ327718 JAV327718 JKR327718 JUN327718 KEJ327718 KOF327718 KYB327718 LHX327718 LRT327718 MBP327718 MLL327718 MVH327718 NFD327718 NOZ327718 NYV327718 OIR327718 OSN327718 PCJ327718 PMF327718 PWB327718 QFX327718 QPT327718 QZP327718 RJL327718 RTH327718 SDD327718 SMZ327718 SWV327718 TGR327718 TQN327718 UAJ327718 UKF327718 UUB327718 VDX327718 VNT327718 VXP327718 WHL327718 WRH327718 XBD327718 EV393254 OR393254 YN393254 AIJ393254 ASF393254 BCB393254 BLX393254 BVT393254 CFP393254 CPL393254 CZH393254 DJD393254 DSZ393254 ECV393254 EMR393254 EWN393254 FGJ393254 FQF393254 GAB393254 GJX393254 GTT393254 HDP393254 HNL393254 HXH393254 IHD393254 IQZ393254 JAV393254 JKR393254 JUN393254 KEJ393254 KOF393254 KYB393254 LHX393254 LRT393254 MBP393254 MLL393254 MVH393254 NFD393254 NOZ393254 NYV393254 OIR393254 OSN393254 PCJ393254 PMF393254 PWB393254 QFX393254 QPT393254 QZP393254 RJL393254 RTH393254 SDD393254 SMZ393254 SWV393254 TGR393254 TQN393254 UAJ393254 UKF393254 UUB393254 VDX393254 VNT393254 VXP393254 WHL393254 WRH393254 XBD393254 EV458790 OR458790 YN458790 AIJ458790 ASF458790 BCB458790 BLX458790 BVT458790 CFP458790 CPL458790 CZH458790 DJD458790 DSZ458790 ECV458790 EMR458790 EWN458790 FGJ458790 FQF458790 GAB458790 GJX458790 GTT458790 HDP458790 HNL458790 HXH458790 IHD458790 IQZ458790 JAV458790 JKR458790 JUN458790 KEJ458790 KOF458790 KYB458790 LHX458790 LRT458790 MBP458790 MLL458790 MVH458790 NFD458790 NOZ458790 NYV458790 OIR458790 OSN458790 PCJ458790 PMF458790 PWB458790 QFX458790 QPT458790 QZP458790 RJL458790 RTH458790 SDD458790 SMZ458790 SWV458790 TGR458790 TQN458790 UAJ458790 UKF458790 UUB458790 VDX458790 VNT458790 VXP458790 WHL458790 WRH458790 XBD458790 EV524326 OR524326 YN524326 AIJ524326 ASF524326 BCB524326 BLX524326 BVT524326 CFP524326 CPL524326 CZH524326 DJD524326 DSZ524326 ECV524326 EMR524326 EWN524326 FGJ524326 FQF524326 GAB524326 GJX524326 GTT524326 HDP524326 HNL524326 HXH524326 IHD524326 IQZ524326 JAV524326 JKR524326 JUN524326 KEJ524326 KOF524326 KYB524326 LHX524326 LRT524326 MBP524326 MLL524326 MVH524326 NFD524326 NOZ524326 NYV524326 OIR524326 OSN524326 PCJ524326 PMF524326 PWB524326 QFX524326 QPT524326 QZP524326 RJL524326 RTH524326 SDD524326 SMZ524326 SWV524326 TGR524326 TQN524326 UAJ524326 UKF524326 UUB524326 VDX524326 VNT524326 VXP524326 WHL524326 WRH524326 XBD524326 EV589862 OR589862 YN589862 AIJ589862 ASF589862 BCB589862 BLX589862 BVT589862 CFP589862 CPL589862 CZH589862 DJD589862 DSZ589862 ECV589862 EMR589862 EWN589862 FGJ589862 FQF589862 GAB589862 GJX589862 GTT589862 HDP589862 HNL589862 HXH589862 IHD589862 IQZ589862 JAV589862 JKR589862 JUN589862 KEJ589862 KOF589862 KYB589862 LHX589862 LRT589862 MBP589862 MLL589862 MVH589862 NFD589862 NOZ589862 NYV589862 OIR589862 OSN589862 PCJ589862 PMF589862 PWB589862 QFX589862 QPT589862 QZP589862 RJL589862 RTH589862 SDD589862 SMZ589862 SWV589862 TGR589862 TQN589862 UAJ589862 UKF589862 UUB589862 VDX589862 VNT589862 VXP589862 WHL589862 WRH589862 XBD589862 EV655398 OR655398 YN655398 AIJ655398 ASF655398 BCB655398 BLX655398 BVT655398 CFP655398 CPL655398 CZH655398 DJD655398 DSZ655398 ECV655398 EMR655398 EWN655398 FGJ655398 FQF655398 GAB655398 GJX655398 GTT655398 HDP655398 HNL655398 HXH655398 IHD655398 IQZ655398 JAV655398 JKR655398 JUN655398 KEJ655398 KOF655398 KYB655398 LHX655398 LRT655398 MBP655398 MLL655398 MVH655398 NFD655398 NOZ655398 NYV655398 OIR655398 OSN655398 PCJ655398 PMF655398 PWB655398 QFX655398 QPT655398 QZP655398 RJL655398 RTH655398 SDD655398 SMZ655398 SWV655398 TGR655398 TQN655398 UAJ655398 UKF655398 UUB655398 VDX655398 VNT655398 VXP655398 WHL655398 WRH655398 XBD655398 EV720934 OR720934 YN720934 AIJ720934 ASF720934 BCB720934 BLX720934 BVT720934 CFP720934 CPL720934 CZH720934 DJD720934 DSZ720934 ECV720934 EMR720934 EWN720934 FGJ720934 FQF720934 GAB720934 GJX720934 GTT720934 HDP720934 HNL720934 HXH720934 IHD720934 IQZ720934 JAV720934 JKR720934 JUN720934 KEJ720934 KOF720934 KYB720934 LHX720934 LRT720934 MBP720934 MLL720934 MVH720934 NFD720934 NOZ720934 NYV720934 OIR720934 OSN720934 PCJ720934 PMF720934 PWB720934 QFX720934 QPT720934 QZP720934 RJL720934 RTH720934 SDD720934 SMZ720934 SWV720934 TGR720934 TQN720934 UAJ720934 UKF720934 UUB720934 VDX720934 VNT720934 VXP720934 WHL720934 WRH720934 XBD720934 EV786470 OR786470 YN786470 AIJ786470 ASF786470 BCB786470 BLX786470 BVT786470 CFP786470 CPL786470 CZH786470 DJD786470 DSZ786470 ECV786470 EMR786470 EWN786470 FGJ786470 FQF786470 GAB786470 GJX786470 GTT786470 HDP786470 HNL786470 HXH786470 IHD786470 IQZ786470 JAV786470 JKR786470 JUN786470 KEJ786470 KOF786470 KYB786470 LHX786470 LRT786470 MBP786470 MLL786470 MVH786470 NFD786470 NOZ786470 NYV786470 OIR786470 OSN786470 PCJ786470 PMF786470 PWB786470 QFX786470 QPT786470 QZP786470 RJL786470 RTH786470 SDD786470 SMZ786470 SWV786470 TGR786470 TQN786470 UAJ786470 UKF786470 UUB786470 VDX786470 VNT786470 VXP786470 WHL786470 WRH786470 XBD786470 EV852006 OR852006 YN852006 AIJ852006 ASF852006 BCB852006 BLX852006 BVT852006 CFP852006 CPL852006 CZH852006 DJD852006 DSZ852006 ECV852006 EMR852006 EWN852006 FGJ852006 FQF852006 GAB852006 GJX852006 GTT852006 HDP852006 HNL852006 HXH852006 IHD852006 IQZ852006 JAV852006 JKR852006 JUN852006 KEJ852006 KOF852006 KYB852006 LHX852006 LRT852006 MBP852006 MLL852006 MVH852006 NFD852006 NOZ852006 NYV852006 OIR852006 OSN852006 PCJ852006 PMF852006 PWB852006 QFX852006 QPT852006 QZP852006 RJL852006 RTH852006 SDD852006 SMZ852006 SWV852006 TGR852006 TQN852006 UAJ852006 UKF852006 UUB852006 VDX852006 VNT852006 VXP852006 WHL852006 WRH852006 XBD852006 EV917542 OR917542 YN917542 AIJ917542 ASF917542 BCB917542 BLX917542 BVT917542 CFP917542 CPL917542 CZH917542 DJD917542 DSZ917542 ECV917542 EMR917542 EWN917542 FGJ917542 FQF917542 GAB917542 GJX917542 GTT917542 HDP917542 HNL917542 HXH917542 IHD917542 IQZ917542 JAV917542 JKR917542 JUN917542 KEJ917542 KOF917542 KYB917542 LHX917542 LRT917542 MBP917542 MLL917542 MVH917542 NFD917542 NOZ917542 NYV917542 OIR917542 OSN917542 PCJ917542 PMF917542 PWB917542 QFX917542 QPT917542 QZP917542 RJL917542 RTH917542 SDD917542 SMZ917542 SWV917542 TGR917542 TQN917542 UAJ917542 UKF917542 UUB917542 VDX917542 VNT917542 VXP917542 WHL917542 WRH917542 XBD917542 EV983078 OR983078 YN983078 AIJ983078 ASF983078 BCB983078 BLX983078 BVT983078 CFP983078 CPL983078 CZH983078 DJD983078 DSZ983078 ECV983078 EMR983078 EWN983078 FGJ983078 FQF983078 GAB983078 GJX983078 GTT983078 HDP983078 HNL983078 HXH983078 IHD983078 IQZ983078 JAV983078 JKR983078 JUN983078 KEJ983078 KOF983078 KYB983078 LHX983078 LRT983078 MBP983078 MLL983078 MVH983078 NFD983078 NOZ983078 NYV983078 OIR983078 OSN983078 PCJ983078 PMF983078 PWB983078 QFX983078 QPT983078 QZP983078 RJL983078 RTH983078 SDD983078 SMZ983078 SWV983078 TGR983078 TQN983078 UAJ983078 UKF983078 UUB983078 VDX983078 VNT983078 VXP983078 WHL983078 WRH983078 XBD983078 EV42 OR42 YN42 AIJ42 ASF42 BCB42 BLX42 BVT42 CFP42 CPL42 CZH42 DJD42 DSZ42 ECV42 EMR42 EWN42 FGJ42 FQF42 GAB42 GJX42 GTT42 HDP42 HNL42 HXH42 IHD42 IQZ42 JAV42 JKR42 JUN42 KEJ42 KOF42 KYB42 LHX42 LRT42 MBP42 MLL42 MVH42 NFD42 NOZ42 NYV42 OIR42 OSN42 PCJ42 PMF42 PWB42 QFX42 QPT42 QZP42 RJL42 RTH42 SDD42 SMZ42 SWV42 TGR42 TQN42 UAJ42 UKF42 UUB42 VDX42 VNT42 VXP42 WHL42 WRH42 XBD42 EV65578 OR65578 YN65578 AIJ65578 ASF65578 BCB65578 BLX65578 BVT65578 CFP65578 CPL65578 CZH65578 DJD65578 DSZ65578 ECV65578 EMR65578 EWN65578 FGJ65578 FQF65578 GAB65578 GJX65578 GTT65578 HDP65578 HNL65578 HXH65578 IHD65578 IQZ65578 JAV65578 JKR65578 JUN65578 KEJ65578 KOF65578 KYB65578 LHX65578 LRT65578 MBP65578 MLL65578 MVH65578 NFD65578 NOZ65578 NYV65578 OIR65578 OSN65578 PCJ65578 PMF65578 PWB65578 QFX65578 QPT65578 QZP65578 RJL65578 RTH65578 SDD65578 SMZ65578 SWV65578 TGR65578 TQN65578 UAJ65578 UKF65578 UUB65578 VDX65578 VNT65578 VXP65578 WHL65578 WRH65578 XBD65578 EV131114 OR131114 YN131114 AIJ131114 ASF131114 BCB131114 BLX131114 BVT131114 CFP131114 CPL131114 CZH131114 DJD131114 DSZ131114 ECV131114 EMR131114 EWN131114 FGJ131114 FQF131114 GAB131114 GJX131114 GTT131114 HDP131114 HNL131114 HXH131114 IHD131114 IQZ131114 JAV131114 JKR131114 JUN131114 KEJ131114 KOF131114 KYB131114 LHX131114 LRT131114 MBP131114 MLL131114 MVH131114 NFD131114 NOZ131114 NYV131114 OIR131114 OSN131114 PCJ131114 PMF131114 PWB131114 QFX131114 QPT131114 QZP131114 RJL131114 RTH131114 SDD131114 SMZ131114 SWV131114 TGR131114 TQN131114 UAJ131114 UKF131114 UUB131114 VDX131114 VNT131114 VXP131114 WHL131114 WRH131114 XBD131114 EV196650 OR196650 YN196650 AIJ196650 ASF196650 BCB196650 BLX196650 BVT196650 CFP196650 CPL196650 CZH196650 DJD196650 DSZ196650 ECV196650 EMR196650 EWN196650 FGJ196650 FQF196650 GAB196650 GJX196650 GTT196650 HDP196650 HNL196650 HXH196650 IHD196650 IQZ196650 JAV196650 JKR196650 JUN196650 KEJ196650 KOF196650 KYB196650 LHX196650 LRT196650 MBP196650 MLL196650 MVH196650 NFD196650 NOZ196650 NYV196650 OIR196650 OSN196650 PCJ196650 PMF196650 PWB196650 QFX196650 QPT196650 QZP196650 RJL196650 RTH196650 SDD196650 SMZ196650 SWV196650 TGR196650 TQN196650 UAJ196650 UKF196650 UUB196650 VDX196650 VNT196650 VXP196650 WHL196650 WRH196650 XBD196650 EV262186 OR262186 YN262186 AIJ262186 ASF262186 BCB262186 BLX262186 BVT262186 CFP262186 CPL262186 CZH262186 DJD262186 DSZ262186 ECV262186 EMR262186 EWN262186 FGJ262186 FQF262186 GAB262186 GJX262186 GTT262186 HDP262186 HNL262186 HXH262186 IHD262186 IQZ262186 JAV262186 JKR262186 JUN262186 KEJ262186 KOF262186 KYB262186 LHX262186 LRT262186 MBP262186 MLL262186 MVH262186 NFD262186 NOZ262186 NYV262186 OIR262186 OSN262186 PCJ262186 PMF262186 PWB262186 QFX262186 QPT262186 QZP262186 RJL262186 RTH262186 SDD262186 SMZ262186 SWV262186 TGR262186 TQN262186 UAJ262186 UKF262186 UUB262186 VDX262186 VNT262186 VXP262186 WHL262186 WRH262186 XBD262186 EV327722 OR327722 YN327722 AIJ327722 ASF327722 BCB327722 BLX327722 BVT327722 CFP327722 CPL327722 CZH327722 DJD327722 DSZ327722 ECV327722 EMR327722 EWN327722 FGJ327722 FQF327722 GAB327722 GJX327722 GTT327722 HDP327722 HNL327722 HXH327722 IHD327722 IQZ327722 JAV327722 JKR327722 JUN327722 KEJ327722 KOF327722 KYB327722 LHX327722 LRT327722 MBP327722 MLL327722 MVH327722 NFD327722 NOZ327722 NYV327722 OIR327722 OSN327722 PCJ327722 PMF327722 PWB327722 QFX327722 QPT327722 QZP327722 RJL327722 RTH327722 SDD327722 SMZ327722 SWV327722 TGR327722 TQN327722 UAJ327722 UKF327722 UUB327722 VDX327722 VNT327722 VXP327722 WHL327722 WRH327722 XBD327722 EV393258 OR393258 YN393258 AIJ393258 ASF393258 BCB393258 BLX393258 BVT393258 CFP393258 CPL393258 CZH393258 DJD393258 DSZ393258 ECV393258 EMR393258 EWN393258 FGJ393258 FQF393258 GAB393258 GJX393258 GTT393258 HDP393258 HNL393258 HXH393258 IHD393258 IQZ393258 JAV393258 JKR393258 JUN393258 KEJ393258 KOF393258 KYB393258 LHX393258 LRT393258 MBP393258 MLL393258 MVH393258 NFD393258 NOZ393258 NYV393258 OIR393258 OSN393258 PCJ393258 PMF393258 PWB393258 QFX393258 QPT393258 QZP393258 RJL393258 RTH393258 SDD393258 SMZ393258 SWV393258 TGR393258 TQN393258 UAJ393258 UKF393258 UUB393258 VDX393258 VNT393258 VXP393258 WHL393258 WRH393258 XBD393258 EV458794 OR458794 YN458794 AIJ458794 ASF458794 BCB458794 BLX458794 BVT458794 CFP458794 CPL458794 CZH458794 DJD458794 DSZ458794 ECV458794 EMR458794 EWN458794 FGJ458794 FQF458794 GAB458794 GJX458794 GTT458794 HDP458794 HNL458794 HXH458794 IHD458794 IQZ458794 JAV458794 JKR458794 JUN458794 KEJ458794 KOF458794 KYB458794 LHX458794 LRT458794 MBP458794 MLL458794 MVH458794 NFD458794 NOZ458794 NYV458794 OIR458794 OSN458794 PCJ458794 PMF458794 PWB458794 QFX458794 QPT458794 QZP458794 RJL458794 RTH458794 SDD458794 SMZ458794 SWV458794 TGR458794 TQN458794 UAJ458794 UKF458794 UUB458794 VDX458794 VNT458794 VXP458794 WHL458794 WRH458794 XBD458794 EV524330 OR524330 YN524330 AIJ524330 ASF524330 BCB524330 BLX524330 BVT524330 CFP524330 CPL524330 CZH524330 DJD524330 DSZ524330 ECV524330 EMR524330 EWN524330 FGJ524330 FQF524330 GAB524330 GJX524330 GTT524330 HDP524330 HNL524330 HXH524330 IHD524330 IQZ524330 JAV524330 JKR524330 JUN524330 KEJ524330 KOF524330 KYB524330 LHX524330 LRT524330 MBP524330 MLL524330 MVH524330 NFD524330 NOZ524330 NYV524330 OIR524330 OSN524330 PCJ524330 PMF524330 PWB524330 QFX524330 QPT524330 QZP524330 RJL524330 RTH524330 SDD524330 SMZ524330 SWV524330 TGR524330 TQN524330 UAJ524330 UKF524330 UUB524330 VDX524330 VNT524330 VXP524330 WHL524330 WRH524330 XBD524330 EV589866 OR589866 YN589866 AIJ589866 ASF589866 BCB589866 BLX589866 BVT589866 CFP589866 CPL589866 CZH589866 DJD589866 DSZ589866 ECV589866 EMR589866 EWN589866 FGJ589866 FQF589866 GAB589866 GJX589866 GTT589866 HDP589866 HNL589866 HXH589866 IHD589866 IQZ589866 JAV589866 JKR589866 JUN589866 KEJ589866 KOF589866 KYB589866 LHX589866 LRT589866 MBP589866 MLL589866 MVH589866 NFD589866 NOZ589866 NYV589866 OIR589866 OSN589866 PCJ589866 PMF589866 PWB589866 QFX589866 QPT589866 QZP589866 RJL589866 RTH589866 SDD589866 SMZ589866 SWV589866 TGR589866 TQN589866 UAJ589866 UKF589866 UUB589866 VDX589866 VNT589866 VXP589866 WHL589866 WRH589866 XBD589866 EV655402 OR655402 YN655402 AIJ655402 ASF655402 BCB655402 BLX655402 BVT655402 CFP655402 CPL655402 CZH655402 DJD655402 DSZ655402 ECV655402 EMR655402 EWN655402 FGJ655402 FQF655402 GAB655402 GJX655402 GTT655402 HDP655402 HNL655402 HXH655402 IHD655402 IQZ655402 JAV655402 JKR655402 JUN655402 KEJ655402 KOF655402 KYB655402 LHX655402 LRT655402 MBP655402 MLL655402 MVH655402 NFD655402 NOZ655402 NYV655402 OIR655402 OSN655402 PCJ655402 PMF655402 PWB655402 QFX655402 QPT655402 QZP655402 RJL655402 RTH655402 SDD655402 SMZ655402 SWV655402 TGR655402 TQN655402 UAJ655402 UKF655402 UUB655402 VDX655402 VNT655402 VXP655402 WHL655402 WRH655402 XBD655402 EV720938 OR720938 YN720938 AIJ720938 ASF720938 BCB720938 BLX720938 BVT720938 CFP720938 CPL720938 CZH720938 DJD720938 DSZ720938 ECV720938 EMR720938 EWN720938 FGJ720938 FQF720938 GAB720938 GJX720938 GTT720938 HDP720938 HNL720938 HXH720938 IHD720938 IQZ720938 JAV720938 JKR720938 JUN720938 KEJ720938 KOF720938 KYB720938 LHX720938 LRT720938 MBP720938 MLL720938 MVH720938 NFD720938 NOZ720938 NYV720938 OIR720938 OSN720938 PCJ720938 PMF720938 PWB720938 QFX720938 QPT720938 QZP720938 RJL720938 RTH720938 SDD720938 SMZ720938 SWV720938 TGR720938 TQN720938 UAJ720938 UKF720938 UUB720938 VDX720938 VNT720938 VXP720938 WHL720938 WRH720938 XBD720938 EV786474 OR786474 YN786474 AIJ786474 ASF786474 BCB786474 BLX786474 BVT786474 CFP786474 CPL786474 CZH786474 DJD786474 DSZ786474 ECV786474 EMR786474 EWN786474 FGJ786474 FQF786474 GAB786474 GJX786474 GTT786474 HDP786474 HNL786474 HXH786474 IHD786474 IQZ786474 JAV786474 JKR786474 JUN786474 KEJ786474 KOF786474 KYB786474 LHX786474 LRT786474 MBP786474 MLL786474 MVH786474 NFD786474 NOZ786474 NYV786474 OIR786474 OSN786474 PCJ786474 PMF786474 PWB786474 QFX786474 QPT786474 QZP786474 RJL786474 RTH786474 SDD786474 SMZ786474 SWV786474 TGR786474 TQN786474 UAJ786474 UKF786474 UUB786474 VDX786474 VNT786474 VXP786474 WHL786474 WRH786474 XBD786474 EV852010 OR852010 YN852010 AIJ852010 ASF852010 BCB852010 BLX852010 BVT852010 CFP852010 CPL852010 CZH852010 DJD852010 DSZ852010 ECV852010 EMR852010 EWN852010 FGJ852010 FQF852010 GAB852010 GJX852010 GTT852010 HDP852010 HNL852010 HXH852010 IHD852010 IQZ852010 JAV852010 JKR852010 JUN852010 KEJ852010 KOF852010 KYB852010 LHX852010 LRT852010 MBP852010 MLL852010 MVH852010 NFD852010 NOZ852010 NYV852010 OIR852010 OSN852010 PCJ852010 PMF852010 PWB852010 QFX852010 QPT852010 QZP852010 RJL852010 RTH852010 SDD852010 SMZ852010 SWV852010 TGR852010 TQN852010 UAJ852010 UKF852010 UUB852010 VDX852010 VNT852010 VXP852010 WHL852010 WRH852010 XBD852010 EV917546 OR917546 YN917546 AIJ917546 ASF917546 BCB917546 BLX917546 BVT917546 CFP917546 CPL917546 CZH917546 DJD917546 DSZ917546 ECV917546 EMR917546 EWN917546 FGJ917546 FQF917546 GAB917546 GJX917546 GTT917546 HDP917546 HNL917546 HXH917546 IHD917546 IQZ917546 JAV917546 JKR917546 JUN917546 KEJ917546 KOF917546 KYB917546 LHX917546 LRT917546 MBP917546 MLL917546 MVH917546 NFD917546 NOZ917546 NYV917546 OIR917546 OSN917546 PCJ917546 PMF917546 PWB917546 QFX917546 QPT917546 QZP917546 RJL917546 RTH917546 SDD917546 SMZ917546 SWV917546 TGR917546 TQN917546 UAJ917546 UKF917546 UUB917546 VDX917546 VNT917546 VXP917546 WHL917546 WRH917546 XBD917546 EV983082 OR983082 YN983082 AIJ983082 ASF983082 BCB983082 BLX983082 BVT983082 CFP983082 CPL983082 CZH983082 DJD983082 DSZ983082 ECV983082 EMR983082 EWN983082 FGJ983082 FQF983082 GAB983082 GJX983082 GTT983082 HDP983082 HNL983082 HXH983082 IHD983082 IQZ983082 JAV983082 JKR983082 JUN983082 KEJ983082 KOF983082 KYB983082 LHX983082 LRT983082 MBP983082 MLL983082 MVH983082 NFD983082 NOZ983082 NYV983082 OIR983082 OSN983082 PCJ983082 PMF983082 PWB983082 QFX983082 QPT983082 QZP983082 RJL983082 RTH983082 SDD983082 SMZ983082 SWV983082 TGR983082 TQN983082 UAJ983082 UKF983082 UUB983082 VDX983082 VNT983082 VXP983082 WHL983082 WRH983082 XBD983082" xr:uid="{2F7B3753-336E-449E-B6D3-4B9E0C91CD1A}">
      <formula1>"経過措置適用,非適用"</formula1>
    </dataValidation>
  </dataValidations>
  <pageMargins left="0.7" right="0.7" top="0.75" bottom="0.75" header="0.3" footer="0.3"/>
  <pageSetup paperSize="9" scale="84"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岸本 亮平</dc:creator>
  <cp:lastModifiedBy>岸本 亮平</cp:lastModifiedBy>
  <cp:lastPrinted>2021-09-21T02:33:38Z</cp:lastPrinted>
  <dcterms:created xsi:type="dcterms:W3CDTF">2015-06-05T18:19:34Z</dcterms:created>
  <dcterms:modified xsi:type="dcterms:W3CDTF">2021-09-22T02:54:58Z</dcterms:modified>
</cp:coreProperties>
</file>